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227"/>
  <workbookPr/>
  <mc:AlternateContent xmlns:mc="http://schemas.openxmlformats.org/markup-compatibility/2006">
    <mc:Choice Requires="x15">
      <x15ac:absPath xmlns:x15ac="http://schemas.microsoft.com/office/spreadsheetml/2010/11/ac" url="\\s04\VO_DOC\01. Súťaže\2024\02. Oddelenie VO\01. Prebiehajúce zákazky\04. Juraj\10 - 2024 - 242. (Príprava) ECHO\03. Príprava\04. PTK\01. Odoslanie PTK\"/>
    </mc:Choice>
  </mc:AlternateContent>
  <xr:revisionPtr revIDLastSave="0" documentId="13_ncr:1_{59B99695-25C2-4E19-A7D7-537E5B11FE63}" xr6:coauthVersionLast="47" xr6:coauthVersionMax="47" xr10:uidLastSave="{00000000-0000-0000-0000-000000000000}"/>
  <bookViews>
    <workbookView xWindow="390" yWindow="390" windowWidth="17130" windowHeight="14970" xr2:uid="{00000000-000D-0000-FFFF-FFFF00000000}"/>
  </bookViews>
  <sheets>
    <sheet name="Cenová ponuka" sheetId="8" r:id="rId1"/>
  </sheets>
  <definedNames>
    <definedName name="_xlnm.Print_Area" localSheetId="0">'Cenová ponuka'!$B$1:$G$33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39" uniqueCount="437">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7.</t>
  </si>
  <si>
    <t>18.</t>
  </si>
  <si>
    <t>19.</t>
  </si>
  <si>
    <t>20.</t>
  </si>
  <si>
    <t>22.</t>
  </si>
  <si>
    <t>23.</t>
  </si>
  <si>
    <t>24.</t>
  </si>
  <si>
    <t>25.</t>
  </si>
  <si>
    <t>Kalkulácia ceny a návrh na plnenie kritéria na vyhodnotenie ponúk - Štruktúrovaný rozpočet ceny predmetu zákazky</t>
  </si>
  <si>
    <t>50421000-2   Opravy a údržba lekárskych zariadení</t>
  </si>
  <si>
    <t>Položka č. 2</t>
  </si>
  <si>
    <t>Pozáručný servis pre položku č.1</t>
  </si>
  <si>
    <t>mesiac</t>
  </si>
  <si>
    <t>26.</t>
  </si>
  <si>
    <t>27.</t>
  </si>
  <si>
    <t>28.</t>
  </si>
  <si>
    <t>29.</t>
  </si>
  <si>
    <t>30.</t>
  </si>
  <si>
    <t>31.</t>
  </si>
  <si>
    <t>32.</t>
  </si>
  <si>
    <t>34.</t>
  </si>
  <si>
    <t>35.</t>
  </si>
  <si>
    <t>36.</t>
  </si>
  <si>
    <t>16.</t>
  </si>
  <si>
    <t>21.</t>
  </si>
  <si>
    <t>33.</t>
  </si>
  <si>
    <t>Oprávnenie dodávateľa na servis výrobkov.</t>
  </si>
  <si>
    <t>Osvedčenie servisného technika na servis zariadení výrobcu.</t>
  </si>
  <si>
    <t>Echokardiografický prístroj pre I. Kardiologickú kliniku - oddelenie funkčnej diagnostiky a Echokardiografický prístroj pre Centrum preventívnej a športovej kardiológie vrátane pozáručného servisu</t>
  </si>
  <si>
    <t xml:space="preserve">33112340-3   Echokardiografy  </t>
  </si>
  <si>
    <t>33124120-2   Diagnostické ultrazvukové prístroje</t>
  </si>
  <si>
    <t>33141641-5   Sondy</t>
  </si>
  <si>
    <t>51410000-9   Inštalácia lekárskych zariadení</t>
  </si>
  <si>
    <t>Echokardiografický prístroj pre I. Kardiologickú kliniku - oddelenie funkčnej diagnostiky a Echokardiografický prístroj pre Centrum preventívnej a športovej kardiológie vrátane pozáručného servisu.</t>
  </si>
  <si>
    <t>Položka č. 3</t>
  </si>
  <si>
    <t>Položka č. 4</t>
  </si>
  <si>
    <t>Echokardiografický prístroj pre I. Kardiologickú kliniku - oddelenie funkčnej diagnostiky</t>
  </si>
  <si>
    <t>Pozáručný servis pre položku č.2</t>
  </si>
  <si>
    <t>Echokardiografický prístroj pre Centrum preventívnej a športovej kardiológie</t>
  </si>
  <si>
    <t>Položka č. 1 - Echokardiografický prístroj pre I. Kardiologickú kliniku - oddelenie funkčnej diagnostiky</t>
  </si>
  <si>
    <t>Echokardiografický prístroj najvyššej prémiovej kategórie.</t>
  </si>
  <si>
    <t>Širokopásmové tvarovanie signálu.</t>
  </si>
  <si>
    <t>Špeciálny plochý LCD alebo OLED displej s vysokým kontrastom a pozorovacím uhlom 177 stupňov.</t>
  </si>
  <si>
    <t>Displej umiestnený na pohyblivom ramene s možnosťou širokej škály pohybu.</t>
  </si>
  <si>
    <t>Frekvenčný rozsah prístroja:</t>
  </si>
  <si>
    <t>Minimálny počet prijímacích a vysielacích digitálnych kanálov na jednu snímku:</t>
  </si>
  <si>
    <t>Dynamický rozsah prístroja:</t>
  </si>
  <si>
    <t>Maximálna možná vzorkovacia frekvencia prístroja v 2D zobrazení:</t>
  </si>
  <si>
    <t>Ovládanie všetkých funkcií pomocou podsvietených aktívnych tlačidiel a pomocou farebného dotykového ovládacieho panela s veľkosťou:</t>
  </si>
  <si>
    <t>Možnosť otočenia ovládacieho panela vpravo i vľavo:</t>
  </si>
  <si>
    <t>Aretácia vsetkých koliesok pomocou jediného tlačítka resp pedálu.</t>
  </si>
  <si>
    <t>Aretácia všetkých pohybov ovládacieho panelu pomocou jedného tlačítka.</t>
  </si>
  <si>
    <t>Možnosť zobrazenia 2d/3d/4d vo fullscreen t.j. na celú obrazovku bez ďalších už nasnímaných obrazov či slučiek a zároveň možnosť zobrazenia vyšetrenia simultánne na dotykovej obrazovke.</t>
  </si>
  <si>
    <t>Ovládací panel musí byť výškovo a stranovo nastaviteľný, musí byť nastaviteľný nezávisle od zobrazovacieho displeja.</t>
  </si>
  <si>
    <t>Možnosť elektronickej rotácie pri TTE a TEE 0-360° na ovládacom paneli.</t>
  </si>
  <si>
    <t>Možnosť rýchleho prempínania z A4C projekcie do A2C a A3C len stlačením na dotykovom paneli.</t>
  </si>
  <si>
    <t>Reset rotácie jedným tlačitkom.</t>
  </si>
  <si>
    <t>2D/3D/4D a bi-plane zobrazenie v TTE a TEE.</t>
  </si>
  <si>
    <t>V bi-plane zobrazení možnosť CW/PW a následného zamerania ROI v oboch rovinách.</t>
  </si>
  <si>
    <t>Hĺbka zobrazenia:</t>
  </si>
  <si>
    <t>Kapacita interného disku:</t>
  </si>
  <si>
    <t>Slučka pre archiváciu s kapacitou obrázkov:</t>
  </si>
  <si>
    <t>Alebo počet sekúnd 3D záznamu:</t>
  </si>
  <si>
    <t xml:space="preserve">Prístroj s vysokou mobilitou, rýchly boot up zo stand-by režimu. </t>
  </si>
  <si>
    <t>Stand-by prevádzka na integrovanu (NIE UPS) batériu :</t>
  </si>
  <si>
    <t>Rýchle prepínanie sond a aplikačných presetov pomocou dotykového displeja.</t>
  </si>
  <si>
    <t>Konfigurovateľnosť ponuky funkcií (minimálne 40 užívateľských prednastavení pre sondu).</t>
  </si>
  <si>
    <t>Zoom:</t>
  </si>
  <si>
    <t>Podpora matrix technológie na všetkých kompatibilných 3D sondách.</t>
  </si>
  <si>
    <t>Integrovaná alfanumerická klávesnica umožňujúca zadávanie dát.</t>
  </si>
  <si>
    <t>Ukladanie obrázkov a slučiek bez potreby zadávania demografických údajov pacienta s generovaním vlastného ID pre efektívnejšiu a rýchlejšiu prácu.</t>
  </si>
  <si>
    <t>EKG modul</t>
  </si>
  <si>
    <t>Technické požiadavky na sondy</t>
  </si>
  <si>
    <t>33.1</t>
  </si>
  <si>
    <t>TTE Sonda</t>
  </si>
  <si>
    <t>33.1.1</t>
  </si>
  <si>
    <t>Live 3D/4D transtorakálna sonda s maticovým usporiadaním elementov s frekvenčným rozsahom:</t>
  </si>
  <si>
    <t>33.1.2</t>
  </si>
  <si>
    <t>Live 3D/4D transtorakálna sonda s počtom elementov:</t>
  </si>
  <si>
    <t>33.1.3</t>
  </si>
  <si>
    <t>Live 3D/4D transtorakálna sonda s objemovým zorným poľom:</t>
  </si>
  <si>
    <t>33.2</t>
  </si>
  <si>
    <t>TEE SONDA</t>
  </si>
  <si>
    <t>33.2.1</t>
  </si>
  <si>
    <t>Live 3D/4D transesophagiálna sonda s maticovým usporiadaním elementov s frekvenčným rozsahom:</t>
  </si>
  <si>
    <t>33.2.2</t>
  </si>
  <si>
    <t>Live 3D/4D transesophagiálna sonda s počtom elementov:</t>
  </si>
  <si>
    <t>33.2.3</t>
  </si>
  <si>
    <t>Live 3D/4D transesophagiálna sonda s objemovým zorným poľom:</t>
  </si>
  <si>
    <t>33.3</t>
  </si>
  <si>
    <t>33.3.1</t>
  </si>
  <si>
    <t>Live 3D/4D transesophagiálna sonda s maticovým usporiadaním elementov s frekvenčným rozsahom pre transnasálne vyšetrenie:</t>
  </si>
  <si>
    <t>33.3.2</t>
  </si>
  <si>
    <t>33.3.3</t>
  </si>
  <si>
    <t>33.3.4</t>
  </si>
  <si>
    <t>Rozsah pohybov v 4 smeroch ako pri štandartnej TEE sonde.</t>
  </si>
  <si>
    <t>Možnosť rošírenia o tieto sondy</t>
  </si>
  <si>
    <t>34.1</t>
  </si>
  <si>
    <t>Fetal kardio sonda</t>
  </si>
  <si>
    <t>34.1.1</t>
  </si>
  <si>
    <t>Live 3D/4D fetal echo sonda s maticovým usporiadaním elementov s frekvenčným rozsahom pre transnasálne vysetrenie:</t>
  </si>
  <si>
    <t>34.1.2</t>
  </si>
  <si>
    <t>Live 3D/4D fetal echo sonda s počtom elementov :</t>
  </si>
  <si>
    <t>34.1.3</t>
  </si>
  <si>
    <t>Live 3D/4D fetal echo sonda s objemovým zorným poľom:</t>
  </si>
  <si>
    <t>34.2</t>
  </si>
  <si>
    <t>Hokejková minilineárna sonda</t>
  </si>
  <si>
    <t>34.2.1</t>
  </si>
  <si>
    <t>Hokejková minilineárna sonda s frekvenčným rozsahom pre pooperačné vyšetrenia:</t>
  </si>
  <si>
    <t>34.2.2</t>
  </si>
  <si>
    <t>Hokejková minilineárna sonda s počtom elementov:</t>
  </si>
  <si>
    <t>34.2.3</t>
  </si>
  <si>
    <t>Hokejková minilineárna sonda s apertúrou:</t>
  </si>
  <si>
    <t>Požadované zobrazovacie režimy a softvérové vybavenie</t>
  </si>
  <si>
    <t>35.1</t>
  </si>
  <si>
    <t>Vysoko kvalitné 2D zobrazenie s možnosťou harmonického zobrazenia, aj vo farebnom režime, u pulzného Dopplera a „compound“ zobrazenia.</t>
  </si>
  <si>
    <t>35.2</t>
  </si>
  <si>
    <t>Harmonické zobrazenie v 5 stupňoch pre TTE zobrazenie.</t>
  </si>
  <si>
    <t>35.3</t>
  </si>
  <si>
    <t>Farebné mapovanie, Energetický Doppler (Angio, CPA), pulzný Doppler vrátane high PRF, riaditeľný kontinuálny Doppler – vrátane automatickej optimalizácie nastavenia energie Dopplera, TDI, PW TDI, M-mód a anatomický M-mód.</t>
  </si>
  <si>
    <t>35.4</t>
  </si>
  <si>
    <t>Duplexný a triplexný režim.</t>
  </si>
  <si>
    <t>35.5</t>
  </si>
  <si>
    <t>Možnosť dodatočnej zmeny zosilnenia, zoomu, korekčného uhla, kvantitatívna analýza pri dopplerovskom zobrazení pre uložené snímky alebo slučky.</t>
  </si>
  <si>
    <t>35.6</t>
  </si>
  <si>
    <t>Technológia umožňujúca dosahovať rovnomerne fokusovaný obraz bez potreby meniť ostriaci bod.</t>
  </si>
  <si>
    <t>35.7</t>
  </si>
  <si>
    <t>Funkcia redukcie speklov s variabilným nastavením.</t>
  </si>
  <si>
    <t>35.8</t>
  </si>
  <si>
    <t>Funkcia automatického nastavenia obrazu s adaptívnou kompenzáciou zisku v 2D režime.</t>
  </si>
  <si>
    <t>35.9</t>
  </si>
  <si>
    <t>Automatické merania parametrov dopplerovského spektra (PI, RI, Vmax, Vmin, Vmean, S, D, Index S/D).</t>
  </si>
  <si>
    <t>35.10</t>
  </si>
  <si>
    <t>Softvér pre meranie dĺžok, plôch, objemov a rýchlostí, Simpson, PISA, Speckle tracking, vrátane biplanárnych a multiplanárnych kalkulácií s vyhodnocovaním stenóz.</t>
  </si>
  <si>
    <t>35.11</t>
  </si>
  <si>
    <t>Kvantifikačné programy pre komplexnú analýzu objemových dát srdca vrátane programovateľných kalkulkulácií.</t>
  </si>
  <si>
    <t>35.12</t>
  </si>
  <si>
    <t>Plne automatická "one-clik" kvantifikácia strain pre LV, LA, RV.</t>
  </si>
  <si>
    <t>35.13</t>
  </si>
  <si>
    <t>Automatická selekcia pomocou znalostnej bázy(AI) pre strain LV pre A4C, A3C a A2C.</t>
  </si>
  <si>
    <t>35.14</t>
  </si>
  <si>
    <t>Automatická elektronická rotácia roviny zobrazenia myokardu na 3D/4D TTE sonde bez nutnosti manuálnej rotácie sondy s možnosťou zobrazenia tzv. 5 komôr tj. vrátane zobrazenia aorty, možnosť zobraziť AP3, AP2 a AP4 pomocou stlačenia ovladacieho prvku bez nutnosti manipulácie a rotácie so sondou.</t>
  </si>
  <si>
    <t>35.15</t>
  </si>
  <si>
    <t>Automatická detekcia hraníc myokardu s výpočtom SV, EF a globálneho longitudinálneho strainu speckle tracking metódou.</t>
  </si>
  <si>
    <t>35.16</t>
  </si>
  <si>
    <t xml:space="preserve">Zobrazovania 3D/4D TTE a TEE vyšetrenia vo fotorealistickom a v rôznych stupňoch transparentného rendrovania s možnosťou simulácie svetelného zdroja. </t>
  </si>
  <si>
    <t>35.17</t>
  </si>
  <si>
    <t>Svetelný zdroj musí byť možné ovládať pomocou dotykovej obrazovky.</t>
  </si>
  <si>
    <t>35.18</t>
  </si>
  <si>
    <t>Stupne transparentného rendrovania musia byť ovládateľné pomocou ovládacieho panelu.</t>
  </si>
  <si>
    <t>35.19</t>
  </si>
  <si>
    <t>Softvérové vybavenie, ktoré umožňuje na základe nasnímaného 3D obrazu a na základe znalostnej bázy automatické rozpoznanie štruktúr srdca, detekovať jeho segmenty a analyzovať ľavú komoru a ľavú predsieň, ako aj automaticky vypočítať ich objemy a tiež automaticky vpočítať EDV, ESV, EF, SV. Analýza musí prebiehať súčastne pre LV a LA v jednom okne pre komplexné hodnotenie ľavých oddielov srdca a zároveň vytvárať model ľavého srdca v 3D/4D.</t>
  </si>
  <si>
    <t>35.20</t>
  </si>
  <si>
    <t>Softvér musí umožňovať 3D automatické kalkulácie pravej komory srdca s výpočtom EDV, EDVi, ESV, ESVi, EF a SV, RVLS, TAPSE a FAC. Zároveň je nutné dané parametre zobraziť kde ich príslušný softvér zmeral pre prípad korekcie.</t>
  </si>
  <si>
    <t>35.21</t>
  </si>
  <si>
    <t>Softvér na vytvorenie modelu mitrálnej chlopne.</t>
  </si>
  <si>
    <t>35.22</t>
  </si>
  <si>
    <t>Softvér pre 3D plne automatickú kvantifikáciu objemu toku pri regurgitácii toku mitrálnej regrugitácie. Automatická segmentácia modelu mitrálnej chlopne.</t>
  </si>
  <si>
    <t>35.23</t>
  </si>
  <si>
    <t>Softvér na vytvorenie modelu trikuspidálne chlopne.</t>
  </si>
  <si>
    <t>35.24</t>
  </si>
  <si>
    <t>Softvér pre automatické hodnotenie LAA, automatické meranie tzv. "landing zone", ostia - min, max, perimeter a plocha. Meranie musí byť možná s aj bez EKG.</t>
  </si>
  <si>
    <t>Požiadavky na archiváciu a komunikáciu</t>
  </si>
  <si>
    <t>36.1</t>
  </si>
  <si>
    <t>Integrovaná pracovná databázová stanica s minimálnou kapacitou 1 TB vrátane softvéru pre uchovávanie obrázkov a slučiek vo formáte DICOM 3.0.</t>
  </si>
  <si>
    <t>36.2</t>
  </si>
  <si>
    <t>Možnosť exportu obrázkov a slučiek na USB alebo DVD nosič.</t>
  </si>
  <si>
    <t>36.3</t>
  </si>
  <si>
    <t>Možnosť premeriavania uložených obrázkov.</t>
  </si>
  <si>
    <t>36.4</t>
  </si>
  <si>
    <t>Možnosť komunikácie s PACS prostredníctvom zasielania dát vo formáte protokolu DICOM 3.0 (Formáty: DICOM Storage, DICOM Print, DICOM Query/Retrieve, DICOM Worklist).</t>
  </si>
  <si>
    <t>36.5</t>
  </si>
  <si>
    <t>Možnosť konfigurácie vlastných reportov pre export a tlač vo formáte pdf, xls a xml.</t>
  </si>
  <si>
    <t>36.6</t>
  </si>
  <si>
    <t>Čiernobiela termocitlivá tlačiareň pre tlač získaných obrázkov.</t>
  </si>
  <si>
    <t>min. 1 - 26 MHz</t>
  </si>
  <si>
    <t xml:space="preserve">min. 6,5 - 7 mil. </t>
  </si>
  <si>
    <t>min. 320 dB</t>
  </si>
  <si>
    <t>min. 2500-2700 obrazov/sekundu</t>
  </si>
  <si>
    <t xml:space="preserve">min. 12 palcov   </t>
  </si>
  <si>
    <t xml:space="preserve">min. 0 stupňov - 180 stupňov </t>
  </si>
  <si>
    <t xml:space="preserve">min. 30 cm </t>
  </si>
  <si>
    <t xml:space="preserve">min. 1 TB  </t>
  </si>
  <si>
    <t>min. 2000</t>
  </si>
  <si>
    <t xml:space="preserve">min. 20 sek. </t>
  </si>
  <si>
    <t>min. min 60 min.</t>
  </si>
  <si>
    <t>min. 16 násobné zväčšenie</t>
  </si>
  <si>
    <t>min. 1-5 MHz</t>
  </si>
  <si>
    <t>min. 2500 elementov</t>
  </si>
  <si>
    <t>min. 90° x 90°</t>
  </si>
  <si>
    <t>min. 2-8 MHz</t>
  </si>
  <si>
    <t>min. 105° x 105°</t>
  </si>
  <si>
    <t>min. 4-11 MHz</t>
  </si>
  <si>
    <t>min. 1-6 MHz</t>
  </si>
  <si>
    <t>min. 9000 elementov</t>
  </si>
  <si>
    <t>min. 8-26 MHz</t>
  </si>
  <si>
    <t>min. 192 elementov</t>
  </si>
  <si>
    <t>min. 27 mm</t>
  </si>
  <si>
    <t>Položka č.2 - Echokardiografický prístroj pre Centrum preventívnej a športovej kardiológie</t>
  </si>
  <si>
    <t>Počet aktívnych portov pre pripojenie sond:</t>
  </si>
  <si>
    <t>Ovládací panel výškovo a stranovo nastaviteľný, nastaviteľný nezávisle od zobrazovacieho displeja.</t>
  </si>
  <si>
    <t>Konfigurovateľnosť ponuky funkcií (minimálne 40 užívateľských prednastavení pre  sondu).</t>
  </si>
  <si>
    <t>30.1</t>
  </si>
  <si>
    <t>TTE Sonda 3D</t>
  </si>
  <si>
    <t>30.1.1</t>
  </si>
  <si>
    <t>30.1.2</t>
  </si>
  <si>
    <t>Live 3D/4D transtorakálna sonda s počtom elementov :</t>
  </si>
  <si>
    <t>30.1.3</t>
  </si>
  <si>
    <t>31.2</t>
  </si>
  <si>
    <t>31.2.1</t>
  </si>
  <si>
    <t>31.2.2</t>
  </si>
  <si>
    <t>31.2.3</t>
  </si>
  <si>
    <t>32.3</t>
  </si>
  <si>
    <t>TTE SONDA 2D</t>
  </si>
  <si>
    <t>32.3.1</t>
  </si>
  <si>
    <t>Live 2D transtorakálna sonda s počtom elementov:</t>
  </si>
  <si>
    <t>32.3.2</t>
  </si>
  <si>
    <t>Live 2D transtorakálna sonda s frekvenčným rozsahom:</t>
  </si>
  <si>
    <t>32.3.3</t>
  </si>
  <si>
    <t>S technoológiou vysokej kvality zobrazenia v hĺbke aj harmonického zobrazenia vrátane LVO.</t>
  </si>
  <si>
    <t>33.4</t>
  </si>
  <si>
    <t>33.5</t>
  </si>
  <si>
    <t>33.6</t>
  </si>
  <si>
    <t>33.7</t>
  </si>
  <si>
    <t>33.8</t>
  </si>
  <si>
    <t>33.9</t>
  </si>
  <si>
    <t>33.10</t>
  </si>
  <si>
    <t>33.11</t>
  </si>
  <si>
    <t>33.12</t>
  </si>
  <si>
    <t>33.13</t>
  </si>
  <si>
    <t>33.14</t>
  </si>
  <si>
    <t>33.15</t>
  </si>
  <si>
    <t>33.16</t>
  </si>
  <si>
    <t>33.17</t>
  </si>
  <si>
    <t>33.18</t>
  </si>
  <si>
    <t>33.19</t>
  </si>
  <si>
    <t>33.20</t>
  </si>
  <si>
    <t>33.21</t>
  </si>
  <si>
    <t>33.22</t>
  </si>
  <si>
    <t>33.23</t>
  </si>
  <si>
    <t>33.24</t>
  </si>
  <si>
    <t>34.3</t>
  </si>
  <si>
    <t>34.4</t>
  </si>
  <si>
    <t>34.5</t>
  </si>
  <si>
    <t>34.6</t>
  </si>
  <si>
    <t>min. 2500 - 2800 obrazov/sekundu</t>
  </si>
  <si>
    <t>4</t>
  </si>
  <si>
    <t xml:space="preserve">min. 0° - 180° </t>
  </si>
  <si>
    <t>min 60 min.</t>
  </si>
  <si>
    <t>min. 2600 elementov</t>
  </si>
  <si>
    <t>min. 1,4-4,9 MHz</t>
  </si>
  <si>
    <t>Položka č.3 - Pozáručný servis pre položku č.1</t>
  </si>
  <si>
    <t>Požaduje sa poskytovať službu (pozáručný servis) najmä v nasledovnom rozsahu:</t>
  </si>
  <si>
    <t>preventívna údržba systémov v počte 1-2 pracovných dní za kalendárny rok v rozsahu podľa manuálu určeného výrobcom systému,</t>
  </si>
  <si>
    <t>1.1</t>
  </si>
  <si>
    <t>za účelom vykonania preventívnej údržby si zmluvné strany po uzatvorení zmluvy vypracujú Plán údržby, v ktorom sa dohodnú na termínoch pre preventívnu údržbu,</t>
  </si>
  <si>
    <t>1.2</t>
  </si>
  <si>
    <t>zmenu týchto termínov je možné uskutočniť len vzájomnou dohodou zmluvných strán, pričom takéto zmeny musia byť dohodnuté vždy včas, aby nebola narušená prevádzka objednávateľa.</t>
  </si>
  <si>
    <t>všetky práce spojené s opravami systémov,</t>
  </si>
  <si>
    <t>udržiavanie prevádzkyschopnosti hardwarovej časti systémov,</t>
  </si>
  <si>
    <t>servisný softwarový upgrade,</t>
  </si>
  <si>
    <t>elektrické revízie 1x ročne v zmysle platných právnych predpisov,</t>
  </si>
  <si>
    <t>5.1</t>
  </si>
  <si>
    <t>za účelom vykonania povinných revízií si zmluvné strany do 30 kalendárnych dní po uzatvorení zmluvy vypracujú Plán revízie, v ktorom sa dohodnú na termínoch vykonanie revízie (jednotlivé termíny zmluvné strany dohodnú tak, aby bola zabezpečená ich kontinuita),</t>
  </si>
  <si>
    <t>5.2</t>
  </si>
  <si>
    <t>cestovné a všetky náklady spojené s činnosťou servisného pracovníka počas výkonu činnosti uvedených v bode 1. až 5</t>
  </si>
  <si>
    <t>bez náhradných dielov a príslušenstva (SONDY).</t>
  </si>
  <si>
    <t>60 mesiacov (5 rokov) po uplynutí záručnej doby.</t>
  </si>
  <si>
    <t>Položka č.4 - Pozáručný servis pre položku č.2</t>
  </si>
  <si>
    <t>Požaduje sa uzatvorenie kúpnej zmluvy s pozáručným servisom.</t>
  </si>
  <si>
    <t>Požaduje sa dodanie prístroja:</t>
  </si>
  <si>
    <t>2.1.</t>
  </si>
  <si>
    <t>2.2.</t>
  </si>
  <si>
    <t>v pracovných dňoch v čase od 07:00 hod. do 14:30 hod.,</t>
  </si>
  <si>
    <t>2.3.</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4.</t>
  </si>
  <si>
    <t>po predchádzajúcom preukázateľnom upovedomení Objednávateľa minimálne 5 pracovných dní vopred tak, aby Objednávateľ mohol poskynúť potrebnú súčinnosť pri dodaní,</t>
  </si>
  <si>
    <t>2.5.</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prístroj z krajiny EÚ (okrem SR), je Dodávateľ povinný uviesť v preberacom protokole, okrem náležitostí uvedených v predchádzajúcej vete, aj:
- kód podľa aktuálne platného colného sadzobníka,
- údaj o krajine pôvodu (t. j. krajinu kde bol vyrobený).</t>
  </si>
  <si>
    <t>Požaduje sa dodanie nového, nepoužívaného a nerepasovaného prístroja. 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stupcom Objednávateľa.</t>
  </si>
  <si>
    <t xml:space="preserve">Prevzatie dodaného prístroja Objednávateľ Dodávateľovi písomne potvrdí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 kontaktné údaje na Klientske pracovisko Dodávateľa - tzv. "Hotline", "Helpdesk", "Call centrum...".</t>
  </si>
  <si>
    <r>
      <t xml:space="preserve">Dodávateľ poskytuje na prístroj a všetky jeho súčasti komplexnú záruku v trvaní </t>
    </r>
    <r>
      <rPr>
        <b/>
        <sz val="10"/>
        <rFont val="Arial"/>
        <family val="2"/>
        <charset val="238"/>
      </rPr>
      <t xml:space="preserve">24 kalendárnych mesiacov </t>
    </r>
    <r>
      <rPr>
        <sz val="10"/>
        <rFont val="Arial"/>
        <family val="2"/>
        <charset val="238"/>
      </rPr>
      <t xml:space="preserve">odo dňa, kedy je prístroj uvedený do prevádzky. Uvedenie prístroja do prevádzky a začiatok plynutia záručnej doby sa potvrdí na preberacom protokole, ktorý podpíšu Dodávateľ a Objednávateľ, resp. ich oprávnení zástupcovia. Uvedená záručná doba sa automaticky predlžuje o dobu, po ktorú nemohol byť prístroj využívaný na účel, na ktorý je určený, a to z dôvodov, na ktoré sa vzťahuje záruka. </t>
    </r>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8.1.</t>
  </si>
  <si>
    <t>oprava vád a porúch prístroja, t. j. uvedenie prístroja do stavu plnej využiteľnosti vzhľadom k jeho technickým parametrom,</t>
  </si>
  <si>
    <t>8.2.</t>
  </si>
  <si>
    <t>dodávka a výmena všetkých potrebných náhradných dielov a súčiastok v prípade ich poruchy, ktoré sami o sebe majú kratšiu dobu životnosti, alebo kratšiu záručnú dobu, ako je záručná doba poskytovaná Dodávateľom,</t>
  </si>
  <si>
    <t>8.3.</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8.4.</t>
  </si>
  <si>
    <t>dodávky a zabudovanie náhradných dielov, ktoré sú potrebné k riadnej a bezporuchovej prevádzke prístroja, vrátane demontáže, odvozu a likvidácie použitého a nepotrebného spotrebného materiálu a náhradných dielov,</t>
  </si>
  <si>
    <t>8.5.</t>
  </si>
  <si>
    <t>vykonanie validácií a kalibrácií prístroja (resp. jeho relevantných častí) s periodicitou podľa odporúčania výrobcu prístroja, minimálne však jedenkrát ročne,</t>
  </si>
  <si>
    <t>8.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8.7.</t>
  </si>
  <si>
    <t>vykonanie ďalších servisných úkonov a činností predpísaných príslušnou právnou úpravou a aplikovateľnými normami,</t>
  </si>
  <si>
    <t>8.8.</t>
  </si>
  <si>
    <t>práce (servisné hodiny) a dojazdy servisných technikov Dodávateľa do miesta inštalácie prístroja v rámci zabezpečenia záručného servisu,</t>
  </si>
  <si>
    <t>8.9.</t>
  </si>
  <si>
    <t>vykonanie akýchkoľvek neplánovaných opráv a údržby, ktoré nevyplývajú zo servisného plánu výrobcu prístroja, ak takáto oprava je nevyhnutná za účelom zabezpečenia prevádzky prístroja, vrátane generálnej opravy,</t>
  </si>
  <si>
    <t>8.10.</t>
  </si>
  <si>
    <t xml:space="preserve">technická telefonická podpora v pracovných dňoch a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Dodávateľ je povinný počas trvania záručnej doby odstrániť vady v nasledujúcich lehotách od nástupu na opravu:</t>
  </si>
  <si>
    <t>10.1.</t>
  </si>
  <si>
    <t>oprava vady, pri ktorej nie je potrebná dodávka náhradného dielu najneskôr do 48 hodín,</t>
  </si>
  <si>
    <t>10.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1.1.</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11.2.</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r>
      <t xml:space="preserve">Požaduje sa poskytovanie pozáručného servisu pre </t>
    </r>
    <r>
      <rPr>
        <sz val="10"/>
        <color rgb="FFFF0000"/>
        <rFont val="Arial"/>
        <family val="2"/>
        <charset val="238"/>
      </rPr>
      <t>položku č. 1 a položku č.2</t>
    </r>
    <r>
      <rPr>
        <sz val="10"/>
        <rFont val="Arial"/>
        <family val="2"/>
        <charset val="238"/>
      </rPr>
      <t xml:space="preserve"> po dobu </t>
    </r>
    <r>
      <rPr>
        <b/>
        <sz val="10"/>
        <rFont val="Arial"/>
        <family val="2"/>
        <charset val="238"/>
      </rPr>
      <t>5 rokov (60 kalendárnych mesiacov)</t>
    </r>
    <r>
      <rPr>
        <sz val="10"/>
        <rFont val="Arial"/>
        <family val="2"/>
        <charset val="238"/>
      </rPr>
      <t>, pričom za začiatok tohto poskytovania sa považuje deň nasledujúci po poslednom dni záručnej doby.</t>
    </r>
  </si>
  <si>
    <t>Požaduje sa poskytovať služby pozáručného servis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Požaduje sa, aby v prípade vykonania opravy, na ktorú Objednávateľ Dodávateľa vopred upozorní, bola oprava vykonaná nasledovne:</t>
  </si>
  <si>
    <t>17.1.</t>
  </si>
  <si>
    <t>nástup na výkon opravy do 24 hodín od nahlásenia vady/poruchy v pracovných dňoch v čase od 07:00 hod. do 15:00 hod.,</t>
  </si>
  <si>
    <t>17.2.</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ného vzťahu uzatvorenú zmluvu o poistení zodpovednosti za škodu spôsobenú v súvislosti s poskytovaním služieb pozáručnej servisnej starostlivosti s poistným krytím minimálne vo výške zmluvnej ceny za služby pozáručnej servisnej starostlivosti.</t>
  </si>
  <si>
    <t>Požaduje sa vyhotovenie návrhu kalkulácie servisu ku každej objednávke. Objednávateľ musí odsúhlasiť cenu a rozsah opravy, najneskôr v lehote do 5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Požaduje sa v prípade opravy s náhradnými dielmi používať výhradne originálne náhradné diely. V každom osobitnom prípade opravy s originálnym náhradným dielom sa vyžaduje súhlas Objednávateľa s kúpu a montážou originálneho náhradného dielu a odsúhlasenie jeho ceny.</t>
  </si>
  <si>
    <t xml:space="preserve">V prípade, ak Objednávateľ na základe prieskumu trhu zistí, že: </t>
  </si>
  <si>
    <t>27.1</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27.2</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Požaduje sa, aby výsledná cena predmetu zákazky ponúknutá Dodávateľom bola v súlade s aktuálne (t. j. v čase lehoty na predkladanie ponúk) obvyklou trhovou cenou predmetu zákazky.</t>
  </si>
  <si>
    <t>Požaduje sa možnosť uplatnenia si náhrady škody u Dodávateľa vo výške vzniknutého finančného rozdielu výslednej ceny predmetu zákazky a obvyklej trhovej ceny predmetu zákazky.</t>
  </si>
  <si>
    <r>
      <t xml:space="preserve">Dodávateľ je povinný k faktúre za dodanie prístroja priložiť kópiu preberacieho protokolu ako jej povinnú prílohu, okrem prípadov, kedy je faktúra doručená zároveň s preberacím protokolom. Povinnou súčasťou faktúry za služby pozáručnej starostlivosti, ktoré sú predmetom </t>
    </r>
    <r>
      <rPr>
        <sz val="10"/>
        <color rgb="FFFF0000"/>
        <rFont val="Arial"/>
        <family val="2"/>
        <charset val="238"/>
      </rPr>
      <t xml:space="preserve">položky č. 3 a položky č.4 </t>
    </r>
    <r>
      <rPr>
        <sz val="10"/>
        <rFont val="Arial"/>
        <family val="2"/>
        <charset val="238"/>
      </rPr>
      <t>je zmluvnými stranami potvrdený rozsah poskytnutej služby s uvedením dátumu jej poskytnutia v príslušnom kalendárnom mesiaci.</t>
    </r>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 Zmluvná cena pozáručného servisu nezahŕňa náhradné diel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záručný servis (služby, ktoré sú predmetom </t>
    </r>
    <r>
      <rPr>
        <sz val="10"/>
        <color rgb="FFFF0000"/>
        <rFont val="Arial"/>
        <family val="2"/>
        <charset val="238"/>
      </rPr>
      <t>položky č. 3 a položky č.4</t>
    </r>
    <r>
      <rPr>
        <sz val="10"/>
        <rFont val="Arial"/>
        <family val="2"/>
        <charset val="238"/>
      </rPr>
      <t>) bude hradený formou mesačných paušálnych odmien uvedených v Prílohe č. 1 - Kalkulácia ceny.</t>
    </r>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3 a položku č.4</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37.</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odstúpiť od RD.</t>
  </si>
  <si>
    <t>38.</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39.</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40.</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41.</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od zmluvy odstúpiť.</t>
  </si>
  <si>
    <t>42.</t>
  </si>
  <si>
    <t>V prípade, ak sa na predmet zákazky vykonala prípravná trhová konzultácia, informácie k prípravnej trhovej konzultácie verejný obstarávateľ zverejňuje na internetovej stránke: www.vusch.sk/verejne-obstaravanie/</t>
  </si>
  <si>
    <r>
      <rPr>
        <b/>
        <sz val="10"/>
        <rFont val="Arial"/>
        <family val="2"/>
        <charset val="238"/>
      </rPr>
      <t>do 30 kalendárnych dní</t>
    </r>
    <r>
      <rPr>
        <sz val="10"/>
        <rFont val="Arial"/>
        <family val="2"/>
        <charset val="238"/>
      </rPr>
      <t xml:space="preserve"> odo dňa nadobudnutia účinnosti zmluvy,</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Calibri"/>
      <family val="2"/>
      <charset val="238"/>
      <scheme val="minor"/>
    </font>
    <font>
      <sz val="8"/>
      <name val="Arial"/>
      <family val="2"/>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0"/>
        <bgColor indexed="64"/>
      </patternFill>
    </fill>
    <fill>
      <patternFill patternType="solid">
        <fgColor theme="5" tint="0.79998168889431442"/>
        <bgColor indexed="64"/>
      </patternFill>
    </fill>
    <fill>
      <patternFill patternType="solid">
        <fgColor theme="8" tint="0.79998168889431442"/>
        <bgColor indexed="64"/>
      </patternFill>
    </fill>
  </fills>
  <borders count="3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style="thin">
        <color auto="1"/>
      </top>
      <bottom style="medium">
        <color indexed="64"/>
      </bottom>
      <diagonal/>
    </border>
    <border>
      <left/>
      <right style="medium">
        <color indexed="64"/>
      </right>
      <top style="thin">
        <color auto="1"/>
      </top>
      <bottom style="thin">
        <color auto="1"/>
      </bottom>
      <diagonal/>
    </border>
    <border>
      <left/>
      <right style="medium">
        <color indexed="64"/>
      </right>
      <top style="thin">
        <color auto="1"/>
      </top>
      <bottom style="medium">
        <color indexed="64"/>
      </bottom>
      <diagonal/>
    </border>
    <border>
      <left style="thin">
        <color auto="1"/>
      </left>
      <right style="thin">
        <color auto="1"/>
      </right>
      <top style="thin">
        <color auto="1"/>
      </top>
      <bottom style="dotted">
        <color auto="1"/>
      </bottom>
      <diagonal/>
    </border>
    <border>
      <left style="thin">
        <color auto="1"/>
      </left>
      <right style="thin">
        <color auto="1"/>
      </right>
      <top style="thin">
        <color auto="1"/>
      </top>
      <bottom/>
      <diagonal/>
    </border>
    <border>
      <left/>
      <right/>
      <top style="thin">
        <color auto="1"/>
      </top>
      <bottom style="thin">
        <color auto="1"/>
      </bottom>
      <diagonal/>
    </border>
    <border>
      <left style="medium">
        <color auto="1"/>
      </left>
      <right/>
      <top style="thin">
        <color auto="1"/>
      </top>
      <bottom style="thin">
        <color auto="1"/>
      </bottom>
      <diagonal/>
    </border>
    <border>
      <left/>
      <right style="thin">
        <color auto="1"/>
      </right>
      <top style="thin">
        <color auto="1"/>
      </top>
      <bottom style="medium">
        <color auto="1"/>
      </bottom>
      <diagonal/>
    </border>
    <border>
      <left style="thin">
        <color auto="1"/>
      </left>
      <right/>
      <top style="medium">
        <color auto="1"/>
      </top>
      <bottom style="thin">
        <color auto="1"/>
      </bottom>
      <diagonal/>
    </border>
    <border>
      <left/>
      <right style="thin">
        <color auto="1"/>
      </right>
      <top style="medium">
        <color auto="1"/>
      </top>
      <bottom style="thin">
        <color auto="1"/>
      </bottom>
      <diagonal/>
    </border>
    <border>
      <left style="thin">
        <color auto="1"/>
      </left>
      <right/>
      <top style="thin">
        <color auto="1"/>
      </top>
      <bottom/>
      <diagonal/>
    </border>
    <border>
      <left/>
      <right style="thin">
        <color auto="1"/>
      </right>
      <top style="thin">
        <color auto="1"/>
      </top>
      <bottom/>
      <diagonal/>
    </border>
    <border>
      <left/>
      <right style="thin">
        <color auto="1"/>
      </right>
      <top style="medium">
        <color auto="1"/>
      </top>
      <bottom/>
      <diagonal/>
    </border>
    <border>
      <left/>
      <right style="thin">
        <color auto="1"/>
      </right>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2" fillId="0" borderId="10" xfId="0" applyFont="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Alignment="1">
      <alignment vertical="center" wrapText="1"/>
    </xf>
    <xf numFmtId="49" fontId="2" fillId="0" borderId="0" xfId="0" applyNumberFormat="1" applyFont="1" applyAlignment="1">
      <alignment vertical="top" wrapText="1"/>
    </xf>
    <xf numFmtId="0" fontId="7" fillId="0" borderId="0" xfId="0" applyFont="1" applyAlignment="1">
      <alignment horizontal="right" wrapText="1"/>
    </xf>
    <xf numFmtId="0" fontId="7" fillId="0" borderId="0" xfId="0" applyFont="1" applyAlignment="1">
      <alignment wrapText="1"/>
    </xf>
    <xf numFmtId="0" fontId="7" fillId="0" borderId="0" xfId="0" applyFont="1" applyAlignment="1">
      <alignment horizontal="right"/>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Font="1" applyFill="1" applyBorder="1" applyAlignment="1">
      <alignment horizontal="left" vertical="center" wrapText="1"/>
    </xf>
    <xf numFmtId="0" fontId="7" fillId="2" borderId="10" xfId="0" applyFont="1" applyFill="1" applyBorder="1" applyAlignment="1">
      <alignment horizontal="left" vertical="center" wrapText="1"/>
    </xf>
    <xf numFmtId="0" fontId="2" fillId="0" borderId="10" xfId="0" applyFont="1" applyBorder="1" applyAlignment="1">
      <alignment vertical="center" wrapText="1"/>
    </xf>
    <xf numFmtId="0" fontId="13" fillId="0" borderId="10" xfId="0" applyFont="1" applyBorder="1" applyAlignment="1">
      <alignment horizontal="center" vertical="center" wrapText="1"/>
    </xf>
    <xf numFmtId="16" fontId="5" fillId="0" borderId="0" xfId="0" applyNumberFormat="1" applyFont="1" applyAlignment="1">
      <alignment horizontal="left" vertical="top" wrapText="1"/>
    </xf>
    <xf numFmtId="49" fontId="2" fillId="0" borderId="8" xfId="0" applyNumberFormat="1" applyFont="1" applyBorder="1" applyAlignment="1">
      <alignment horizontal="center" vertical="center" wrapText="1"/>
    </xf>
    <xf numFmtId="0" fontId="2" fillId="0" borderId="20" xfId="0" applyFont="1" applyBorder="1" applyAlignment="1">
      <alignment horizontal="center" vertical="center" wrapText="1"/>
    </xf>
    <xf numFmtId="49" fontId="2" fillId="0" borderId="22" xfId="0" applyNumberFormat="1" applyFont="1" applyBorder="1" applyAlignment="1">
      <alignment horizontal="center" vertical="center" wrapText="1"/>
    </xf>
    <xf numFmtId="0" fontId="7" fillId="0" borderId="23" xfId="0" applyFont="1" applyBorder="1" applyAlignment="1">
      <alignment horizontal="center" vertical="center" wrapText="1"/>
    </xf>
    <xf numFmtId="49" fontId="2" fillId="0" borderId="11" xfId="0" applyNumberFormat="1" applyFont="1" applyBorder="1" applyAlignment="1">
      <alignment horizontal="center" vertical="center" wrapText="1"/>
    </xf>
    <xf numFmtId="0" fontId="7" fillId="0" borderId="20" xfId="0" applyFont="1" applyBorder="1" applyAlignment="1">
      <alignment horizontal="center" vertical="center" wrapText="1"/>
    </xf>
    <xf numFmtId="49" fontId="4" fillId="0" borderId="10" xfId="0" applyNumberFormat="1" applyFont="1" applyBorder="1" applyAlignment="1">
      <alignment vertical="center" wrapText="1"/>
    </xf>
    <xf numFmtId="49" fontId="2" fillId="0" borderId="8" xfId="0" applyNumberFormat="1" applyFont="1" applyBorder="1" applyAlignment="1">
      <alignment horizontal="center" vertical="center"/>
    </xf>
    <xf numFmtId="0" fontId="2" fillId="0" borderId="28" xfId="0" applyFont="1" applyBorder="1" applyAlignment="1">
      <alignment horizontal="center" vertical="center"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2" fillId="0" borderId="25"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0" fontId="8" fillId="0" borderId="0" xfId="0" applyFont="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49" fontId="2" fillId="0" borderId="11" xfId="0" applyNumberFormat="1" applyFont="1" applyBorder="1" applyAlignment="1">
      <alignment horizontal="center" vertical="center"/>
    </xf>
    <xf numFmtId="0" fontId="4" fillId="6" borderId="11" xfId="0" applyFont="1" applyFill="1" applyBorder="1" applyAlignment="1">
      <alignment horizontal="center" vertical="center" wrapText="1"/>
    </xf>
    <xf numFmtId="0" fontId="2" fillId="0" borderId="29" xfId="0" applyFont="1" applyBorder="1" applyAlignment="1">
      <alignment horizontal="center" vertical="center" wrapText="1"/>
    </xf>
    <xf numFmtId="0" fontId="7" fillId="0" borderId="10" xfId="0" applyFont="1" applyBorder="1" applyAlignment="1">
      <alignment horizontal="center" vertical="center" wrapText="1"/>
    </xf>
    <xf numFmtId="0" fontId="4" fillId="0" borderId="30" xfId="0" applyFont="1" applyBorder="1" applyAlignment="1">
      <alignment horizontal="left" vertical="center" wrapText="1"/>
    </xf>
    <xf numFmtId="49" fontId="4" fillId="0" borderId="5" xfId="0" applyNumberFormat="1" applyFont="1" applyBorder="1" applyAlignment="1">
      <alignment vertical="center" wrapText="1"/>
    </xf>
    <xf numFmtId="49" fontId="4" fillId="0" borderId="10" xfId="0" applyNumberFormat="1" applyFont="1" applyBorder="1" applyAlignment="1">
      <alignment horizontal="center" vertical="center" wrapText="1"/>
    </xf>
    <xf numFmtId="0" fontId="2" fillId="0" borderId="23" xfId="0" applyFont="1" applyBorder="1" applyAlignment="1">
      <alignment horizontal="center" vertical="center" wrapText="1"/>
    </xf>
    <xf numFmtId="49" fontId="2" fillId="6" borderId="8" xfId="0" applyNumberFormat="1" applyFont="1" applyFill="1" applyBorder="1" applyAlignment="1">
      <alignment horizontal="center" vertical="center" wrapText="1"/>
    </xf>
    <xf numFmtId="49" fontId="2" fillId="6" borderId="8" xfId="0" applyNumberFormat="1" applyFont="1" applyFill="1" applyBorder="1" applyAlignment="1">
      <alignment horizontal="right" vertical="center" wrapText="1"/>
    </xf>
    <xf numFmtId="49" fontId="2" fillId="0" borderId="8" xfId="0" applyNumberFormat="1" applyFont="1" applyBorder="1" applyAlignment="1">
      <alignment horizontal="righ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33" xfId="0" applyFont="1" applyBorder="1" applyAlignment="1">
      <alignment horizontal="left" vertical="center" wrapText="1"/>
    </xf>
    <xf numFmtId="0" fontId="2" fillId="0" borderId="34" xfId="0" applyFont="1" applyBorder="1" applyAlignment="1">
      <alignment horizontal="left" vertical="center" wrapText="1"/>
    </xf>
    <xf numFmtId="0" fontId="3" fillId="0" borderId="5" xfId="0" applyFont="1" applyBorder="1" applyAlignment="1">
      <alignment horizontal="left" vertical="center" wrapText="1"/>
    </xf>
    <xf numFmtId="0" fontId="3" fillId="0" borderId="6" xfId="0" applyFont="1" applyBorder="1" applyAlignment="1">
      <alignment horizontal="left" vertical="center" wrapText="1"/>
    </xf>
    <xf numFmtId="0" fontId="3" fillId="0" borderId="25" xfId="0" applyFont="1" applyBorder="1" applyAlignment="1">
      <alignment horizontal="left" vertical="center" wrapText="1"/>
    </xf>
    <xf numFmtId="0" fontId="3" fillId="0" borderId="32" xfId="0" applyFont="1" applyBorder="1" applyAlignment="1">
      <alignment horizontal="left" vertical="center" wrapText="1"/>
    </xf>
    <xf numFmtId="49" fontId="4" fillId="0" borderId="5" xfId="0" applyNumberFormat="1" applyFont="1" applyBorder="1" applyAlignment="1">
      <alignment horizontal="left" vertical="center" wrapText="1"/>
    </xf>
    <xf numFmtId="49" fontId="4" fillId="0" borderId="6" xfId="0" applyNumberFormat="1" applyFont="1" applyBorder="1" applyAlignment="1">
      <alignment horizontal="left" vertical="center" wrapText="1"/>
    </xf>
    <xf numFmtId="49" fontId="4" fillId="0" borderId="25" xfId="0" applyNumberFormat="1" applyFont="1" applyBorder="1" applyAlignment="1">
      <alignment horizontal="left" vertical="center" wrapText="1"/>
    </xf>
    <xf numFmtId="49" fontId="4" fillId="0" borderId="32" xfId="0" applyNumberFormat="1" applyFont="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31" xfId="0" applyNumberFormat="1" applyFont="1" applyBorder="1" applyAlignment="1">
      <alignment horizontal="left" vertical="center"/>
    </xf>
    <xf numFmtId="49" fontId="2" fillId="0" borderId="30" xfId="0" applyNumberFormat="1" applyFont="1" applyBorder="1" applyAlignment="1">
      <alignment horizontal="left" vertical="center"/>
    </xf>
    <xf numFmtId="49" fontId="2" fillId="0" borderId="6" xfId="0" applyNumberFormat="1" applyFont="1" applyBorder="1" applyAlignment="1">
      <alignment horizontal="left" vertical="center"/>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5" fillId="8" borderId="5" xfId="0" applyNumberFormat="1" applyFont="1" applyFill="1" applyBorder="1" applyAlignment="1">
      <alignment horizontal="left" vertical="center" wrapText="1"/>
    </xf>
    <xf numFmtId="49" fontId="5" fillId="8" borderId="6" xfId="0" applyNumberFormat="1" applyFont="1" applyFill="1" applyBorder="1" applyAlignment="1">
      <alignment horizontal="left" vertical="center" wrapText="1"/>
    </xf>
    <xf numFmtId="49" fontId="5" fillId="7" borderId="5" xfId="0" applyNumberFormat="1" applyFont="1" applyFill="1" applyBorder="1" applyAlignment="1">
      <alignment horizontal="left" vertical="center" wrapText="1"/>
    </xf>
    <xf numFmtId="49" fontId="5" fillId="7" borderId="6" xfId="0" applyNumberFormat="1" applyFont="1" applyFill="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4" fillId="0" borderId="10" xfId="0" applyNumberFormat="1" applyFont="1" applyBorder="1" applyAlignment="1">
      <alignment horizontal="left" vertical="center" wrapText="1"/>
    </xf>
    <xf numFmtId="0" fontId="2" fillId="0" borderId="10" xfId="0" applyFont="1" applyBorder="1" applyAlignment="1">
      <alignment horizontal="left" vertical="center" wrapText="1"/>
    </xf>
    <xf numFmtId="0" fontId="2" fillId="0" borderId="9" xfId="0" applyFont="1" applyBorder="1" applyAlignment="1">
      <alignment horizontal="left" vertical="center" wrapText="1"/>
    </xf>
    <xf numFmtId="0" fontId="4" fillId="0" borderId="0" xfId="0" applyFont="1" applyAlignment="1">
      <alignment horizontal="left" vertical="top" wrapText="1"/>
    </xf>
    <xf numFmtId="0" fontId="4" fillId="0" borderId="30" xfId="0" applyFont="1" applyBorder="1" applyAlignment="1">
      <alignment horizontal="left" vertical="center" wrapText="1"/>
    </xf>
    <xf numFmtId="0" fontId="2" fillId="0" borderId="20" xfId="0" applyFont="1" applyBorder="1" applyAlignment="1">
      <alignment horizontal="left" vertical="center" wrapText="1"/>
    </xf>
    <xf numFmtId="0" fontId="2" fillId="0" borderId="21" xfId="0" applyFont="1" applyBorder="1" applyAlignment="1">
      <alignment horizontal="left" vertical="center" wrapText="1"/>
    </xf>
    <xf numFmtId="0" fontId="3" fillId="4" borderId="0" xfId="0" applyFont="1" applyFill="1" applyAlignment="1">
      <alignment horizontal="center"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5" xfId="0" applyFont="1" applyBorder="1" applyAlignment="1">
      <alignment horizontal="left" vertical="center" wrapText="1"/>
    </xf>
    <xf numFmtId="0" fontId="2" fillId="0" borderId="26" xfId="0" applyFont="1" applyBorder="1" applyAlignment="1">
      <alignment horizontal="left" vertical="center" wrapText="1"/>
    </xf>
    <xf numFmtId="0" fontId="2" fillId="0" borderId="23" xfId="0" applyFont="1" applyBorder="1" applyAlignment="1">
      <alignment horizontal="left" vertical="center" wrapText="1"/>
    </xf>
    <xf numFmtId="0" fontId="2" fillId="0" borderId="24" xfId="0" applyFont="1" applyBorder="1" applyAlignment="1">
      <alignment horizontal="left" vertical="center" wrapText="1"/>
    </xf>
    <xf numFmtId="0" fontId="2" fillId="0" borderId="10" xfId="0" applyFont="1" applyBorder="1" applyAlignment="1">
      <alignment horizontal="center" vertical="center" wrapText="1"/>
    </xf>
    <xf numFmtId="0" fontId="2" fillId="0" borderId="9" xfId="0" applyFont="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Alignment="1">
      <alignment horizontal="left" vertical="center" wrapText="1"/>
    </xf>
    <xf numFmtId="0" fontId="8" fillId="0" borderId="0" xfId="0" applyFont="1" applyAlignment="1">
      <alignment horizontal="left" vertical="center" wrapText="1"/>
    </xf>
    <xf numFmtId="0" fontId="2" fillId="0" borderId="0" xfId="0" applyFont="1" applyAlignment="1">
      <alignment horizontal="left" wrapText="1"/>
    </xf>
    <xf numFmtId="49" fontId="4" fillId="0" borderId="0" xfId="0" applyNumberFormat="1" applyFont="1" applyAlignment="1">
      <alignment horizontal="left" vertical="top"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0" fontId="12" fillId="0" borderId="7" xfId="0" applyFont="1" applyBorder="1" applyAlignment="1">
      <alignment horizontal="center"/>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0" xfId="5" applyFont="1" applyAlignment="1">
      <alignment horizontal="center" vertical="top" wrapText="1"/>
    </xf>
    <xf numFmtId="49" fontId="4" fillId="0" borderId="0" xfId="1" applyNumberFormat="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16" fontId="5" fillId="0" borderId="0" xfId="0" applyNumberFormat="1" applyFont="1" applyAlignment="1">
      <alignment horizontal="left" vertical="top" wrapText="1"/>
    </xf>
    <xf numFmtId="49" fontId="3" fillId="0" borderId="0" xfId="0" applyNumberFormat="1" applyFont="1" applyAlignment="1">
      <alignment horizontal="left" vertical="center" wrapText="1"/>
    </xf>
    <xf numFmtId="0" fontId="2" fillId="3" borderId="5" xfId="0" applyFont="1" applyFill="1" applyBorder="1" applyAlignment="1">
      <alignment horizontal="left" vertical="top" wrapText="1"/>
    </xf>
    <xf numFmtId="0" fontId="2" fillId="3" borderId="30"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33" xfId="0" applyFont="1" applyBorder="1" applyAlignment="1">
      <alignment horizontal="left" vertical="center" wrapText="1"/>
    </xf>
    <xf numFmtId="0" fontId="4" fillId="0" borderId="34" xfId="0" applyFont="1" applyBorder="1" applyAlignment="1">
      <alignment horizontal="left" vertical="center" wrapText="1"/>
    </xf>
    <xf numFmtId="0" fontId="4" fillId="0" borderId="35" xfId="0" applyFont="1" applyBorder="1" applyAlignment="1">
      <alignment horizontal="left" vertical="center" wrapText="1"/>
    </xf>
    <xf numFmtId="0" fontId="4" fillId="0" borderId="36" xfId="0" applyFont="1" applyBorder="1" applyAlignment="1">
      <alignment horizontal="left" vertical="center" wrapText="1"/>
    </xf>
    <xf numFmtId="0" fontId="4" fillId="0" borderId="20" xfId="0" applyFont="1" applyBorder="1" applyAlignment="1">
      <alignment horizontal="left" vertical="center" wrapText="1"/>
    </xf>
    <xf numFmtId="49" fontId="3" fillId="2" borderId="37" xfId="0" applyNumberFormat="1" applyFont="1" applyFill="1" applyBorder="1" applyAlignment="1">
      <alignment horizontal="left" vertical="top" wrapText="1"/>
    </xf>
    <xf numFmtId="49" fontId="3" fillId="2" borderId="38" xfId="0" applyNumberFormat="1" applyFont="1" applyFill="1" applyBorder="1" applyAlignment="1">
      <alignment horizontal="left" vertical="top" wrapText="1"/>
    </xf>
  </cellXfs>
  <cellStyles count="6">
    <cellStyle name="Normálna" xfId="0" builtinId="0"/>
    <cellStyle name="Normálna 2" xfId="2" xr:uid="{00000000-0005-0000-0000-000000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7</xdr:row>
          <xdr:rowOff>0</xdr:rowOff>
        </xdr:from>
        <xdr:to>
          <xdr:col>1</xdr:col>
          <xdr:colOff>885825</xdr:colOff>
          <xdr:row>27</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8</xdr:row>
          <xdr:rowOff>9525</xdr:rowOff>
        </xdr:from>
        <xdr:to>
          <xdr:col>1</xdr:col>
          <xdr:colOff>885825</xdr:colOff>
          <xdr:row>28</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9525</xdr:rowOff>
        </xdr:from>
        <xdr:to>
          <xdr:col>1</xdr:col>
          <xdr:colOff>885825</xdr:colOff>
          <xdr:row>37</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8</xdr:row>
          <xdr:rowOff>0</xdr:rowOff>
        </xdr:from>
        <xdr:to>
          <xdr:col>1</xdr:col>
          <xdr:colOff>885825</xdr:colOff>
          <xdr:row>38</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sheetPr>
  <dimension ref="A1:H348"/>
  <sheetViews>
    <sheetView showGridLines="0" tabSelected="1" zoomScaleNormal="100" workbookViewId="0"/>
  </sheetViews>
  <sheetFormatPr defaultRowHeight="12.75" x14ac:dyDescent="0.2"/>
  <cols>
    <col min="1" max="1" width="1.85546875" style="1" customWidth="1"/>
    <col min="2" max="2" width="13.5703125" style="1" customWidth="1"/>
    <col min="3" max="3" width="50.7109375" style="1" customWidth="1"/>
    <col min="4" max="4" width="20.7109375" style="1" customWidth="1"/>
    <col min="5" max="5" width="16.42578125" style="8" customWidth="1"/>
    <col min="6" max="6" width="13.7109375" style="8" customWidth="1"/>
    <col min="7" max="7" width="19.7109375" style="2" customWidth="1"/>
    <col min="8" max="8" width="17.140625" style="1" customWidth="1"/>
    <col min="9" max="9" width="9.140625" style="1"/>
    <col min="10" max="10" width="9.140625" style="1" customWidth="1"/>
    <col min="11" max="16384" width="9.140625" style="1"/>
  </cols>
  <sheetData>
    <row r="1" spans="2:7" ht="24" customHeight="1" x14ac:dyDescent="0.2">
      <c r="B1" s="119" t="s">
        <v>49</v>
      </c>
      <c r="C1" s="119"/>
      <c r="D1" s="119"/>
      <c r="E1" s="119"/>
      <c r="F1" s="119"/>
      <c r="G1" s="119"/>
    </row>
    <row r="2" spans="2:7" ht="27.75" customHeight="1" x14ac:dyDescent="0.2">
      <c r="B2" s="118" t="s">
        <v>47</v>
      </c>
      <c r="C2" s="118"/>
      <c r="D2" s="118"/>
      <c r="E2" s="118"/>
      <c r="F2" s="118"/>
      <c r="G2" s="118"/>
    </row>
    <row r="3" spans="2:7" ht="54.75" customHeight="1" x14ac:dyDescent="0.2">
      <c r="B3" s="137" t="s">
        <v>53</v>
      </c>
      <c r="C3" s="137"/>
      <c r="D3" s="137"/>
      <c r="E3" s="137"/>
      <c r="F3" s="137"/>
      <c r="G3" s="137"/>
    </row>
    <row r="4" spans="2:7" ht="24.95" customHeight="1" x14ac:dyDescent="0.2">
      <c r="B4" s="36" t="s">
        <v>52</v>
      </c>
      <c r="C4" s="37"/>
      <c r="D4" s="6"/>
      <c r="E4" s="6"/>
      <c r="F4" s="6"/>
      <c r="G4" s="6"/>
    </row>
    <row r="5" spans="2:7" ht="24.95" customHeight="1" x14ac:dyDescent="0.2">
      <c r="B5" s="36" t="s">
        <v>50</v>
      </c>
      <c r="C5" s="38"/>
      <c r="D5" s="6"/>
      <c r="E5" s="6"/>
      <c r="F5" s="6"/>
      <c r="G5" s="6"/>
    </row>
    <row r="6" spans="2:7" ht="5.0999999999999996" customHeight="1" x14ac:dyDescent="0.2">
      <c r="B6" s="6"/>
      <c r="C6" s="6"/>
      <c r="D6" s="6"/>
      <c r="E6" s="6"/>
      <c r="F6" s="6"/>
      <c r="G6" s="6"/>
    </row>
    <row r="7" spans="2:7" s="2" customFormat="1" ht="20.100000000000001" customHeight="1" x14ac:dyDescent="0.25">
      <c r="B7" s="106" t="s">
        <v>5</v>
      </c>
      <c r="C7" s="106"/>
      <c r="D7" s="106"/>
      <c r="E7" s="106"/>
      <c r="F7" s="106"/>
      <c r="G7" s="106"/>
    </row>
    <row r="8" spans="2:7" s="2" customFormat="1" ht="20.100000000000001" customHeight="1" x14ac:dyDescent="0.25">
      <c r="B8" s="138" t="s">
        <v>9</v>
      </c>
      <c r="C8" s="138"/>
      <c r="D8" s="138"/>
      <c r="E8" s="138"/>
      <c r="F8" s="138"/>
      <c r="G8" s="138"/>
    </row>
    <row r="9" spans="2:7" ht="29.25" customHeight="1" x14ac:dyDescent="0.2">
      <c r="B9" s="102" t="s">
        <v>102</v>
      </c>
      <c r="C9" s="102"/>
      <c r="D9" s="102"/>
      <c r="E9" s="102"/>
      <c r="F9" s="102"/>
      <c r="G9" s="102"/>
    </row>
    <row r="10" spans="2:7" ht="4.5" customHeight="1" x14ac:dyDescent="0.2">
      <c r="B10" s="35"/>
      <c r="C10" s="35"/>
      <c r="D10" s="35"/>
      <c r="E10" s="35"/>
      <c r="F10" s="35"/>
      <c r="G10" s="35"/>
    </row>
    <row r="11" spans="2:7" s="2" customFormat="1" ht="20.100000000000001" customHeight="1" x14ac:dyDescent="0.25">
      <c r="B11" s="139" t="s">
        <v>10</v>
      </c>
      <c r="C11" s="139"/>
      <c r="D11" s="139"/>
      <c r="E11" s="139"/>
      <c r="F11" s="139"/>
      <c r="G11" s="139"/>
    </row>
    <row r="12" spans="2:7" s="2" customFormat="1" ht="20.100000000000001" customHeight="1" x14ac:dyDescent="0.25">
      <c r="B12" s="102" t="s">
        <v>103</v>
      </c>
      <c r="C12" s="102"/>
      <c r="D12" s="102"/>
      <c r="E12" s="102"/>
      <c r="F12" s="41"/>
      <c r="G12" s="41"/>
    </row>
    <row r="13" spans="2:7" s="2" customFormat="1" ht="20.100000000000001" customHeight="1" x14ac:dyDescent="0.25">
      <c r="B13" s="102" t="s">
        <v>104</v>
      </c>
      <c r="C13" s="102"/>
      <c r="D13" s="102"/>
      <c r="E13" s="102"/>
      <c r="F13" s="41"/>
      <c r="G13" s="41"/>
    </row>
    <row r="14" spans="2:7" s="2" customFormat="1" ht="20.100000000000001" customHeight="1" x14ac:dyDescent="0.25">
      <c r="B14" s="102" t="s">
        <v>105</v>
      </c>
      <c r="C14" s="102"/>
      <c r="D14" s="102"/>
      <c r="E14" s="102"/>
      <c r="F14" s="41"/>
      <c r="G14" s="41"/>
    </row>
    <row r="15" spans="2:7" s="2" customFormat="1" ht="20.100000000000001" customHeight="1" x14ac:dyDescent="0.25">
      <c r="B15" s="102" t="s">
        <v>106</v>
      </c>
      <c r="C15" s="102"/>
      <c r="D15" s="102"/>
      <c r="E15" s="102"/>
      <c r="F15" s="41"/>
      <c r="G15" s="41"/>
    </row>
    <row r="16" spans="2:7" s="2" customFormat="1" ht="20.100000000000001" customHeight="1" x14ac:dyDescent="0.25">
      <c r="B16" s="102" t="s">
        <v>83</v>
      </c>
      <c r="C16" s="102"/>
      <c r="D16" s="102"/>
      <c r="E16" s="102"/>
      <c r="F16" s="41"/>
      <c r="G16" s="41"/>
    </row>
    <row r="17" spans="2:7" s="2" customFormat="1" ht="20.100000000000001" customHeight="1" x14ac:dyDescent="0.25">
      <c r="B17" s="102" t="s">
        <v>27</v>
      </c>
      <c r="C17" s="102"/>
      <c r="D17" s="102"/>
      <c r="E17" s="102"/>
      <c r="F17" s="41"/>
      <c r="G17" s="41"/>
    </row>
    <row r="18" spans="2:7" ht="4.5" customHeight="1" x14ac:dyDescent="0.2">
      <c r="B18" s="35"/>
      <c r="C18" s="35"/>
      <c r="D18" s="35"/>
      <c r="E18" s="35"/>
      <c r="F18" s="35"/>
      <c r="G18" s="35"/>
    </row>
    <row r="19" spans="2:7" ht="20.100000000000001" customHeight="1" x14ac:dyDescent="0.2">
      <c r="B19" s="34" t="s">
        <v>11</v>
      </c>
      <c r="C19" s="18"/>
      <c r="D19" s="18"/>
      <c r="E19" s="18"/>
      <c r="F19" s="19"/>
      <c r="G19" s="19"/>
    </row>
    <row r="20" spans="2:7" s="3" customFormat="1" ht="24.95" customHeight="1" x14ac:dyDescent="0.25">
      <c r="B20" s="102" t="s">
        <v>68</v>
      </c>
      <c r="C20" s="102"/>
      <c r="D20" s="102"/>
      <c r="E20" s="102"/>
      <c r="F20" s="16"/>
      <c r="G20" s="17"/>
    </row>
    <row r="21" spans="2:7" ht="5.0999999999999996" customHeight="1" x14ac:dyDescent="0.2">
      <c r="B21" s="122"/>
      <c r="C21" s="122"/>
      <c r="D21" s="122"/>
      <c r="E21" s="122"/>
      <c r="G21" s="11"/>
    </row>
    <row r="22" spans="2:7" s="2" customFormat="1" ht="20.100000000000001" customHeight="1" x14ac:dyDescent="0.25">
      <c r="B22" s="106" t="s">
        <v>24</v>
      </c>
      <c r="C22" s="106"/>
      <c r="D22" s="106"/>
      <c r="E22" s="106"/>
      <c r="F22" s="106"/>
      <c r="G22" s="106"/>
    </row>
    <row r="23" spans="2:7" ht="33.75" customHeight="1" x14ac:dyDescent="0.2">
      <c r="B23" s="123" t="s">
        <v>107</v>
      </c>
      <c r="C23" s="123"/>
      <c r="D23" s="123"/>
      <c r="E23" s="123"/>
      <c r="F23" s="123"/>
      <c r="G23" s="123"/>
    </row>
    <row r="24" spans="2:7" ht="5.0999999999999996" customHeight="1" x14ac:dyDescent="0.2">
      <c r="B24" s="122"/>
      <c r="C24" s="122"/>
      <c r="D24" s="122"/>
      <c r="E24" s="122"/>
      <c r="G24" s="11"/>
    </row>
    <row r="25" spans="2:7" s="2" customFormat="1" ht="20.100000000000001" customHeight="1" x14ac:dyDescent="0.25">
      <c r="B25" s="106" t="s">
        <v>25</v>
      </c>
      <c r="C25" s="106"/>
      <c r="D25" s="106"/>
      <c r="E25" s="106"/>
      <c r="F25" s="106"/>
      <c r="G25" s="106"/>
    </row>
    <row r="26" spans="2:7" s="2" customFormat="1" ht="20.100000000000001" customHeight="1" x14ac:dyDescent="0.25">
      <c r="B26" s="140" t="s">
        <v>6</v>
      </c>
      <c r="C26" s="140"/>
      <c r="D26" s="140"/>
      <c r="E26" s="140"/>
      <c r="F26" s="140"/>
      <c r="G26" s="140"/>
    </row>
    <row r="27" spans="2:7" s="2" customFormat="1" ht="20.100000000000001" customHeight="1" x14ac:dyDescent="0.25">
      <c r="B27" s="120" t="s">
        <v>18</v>
      </c>
      <c r="C27" s="121"/>
      <c r="D27" s="57"/>
      <c r="E27" s="12"/>
      <c r="F27" s="12"/>
      <c r="G27" s="12"/>
    </row>
    <row r="28" spans="2:7" s="2" customFormat="1" ht="20.100000000000001" customHeight="1" x14ac:dyDescent="0.25">
      <c r="B28" s="11"/>
      <c r="C28" s="11" t="s">
        <v>22</v>
      </c>
      <c r="D28" s="11"/>
      <c r="E28" s="12"/>
      <c r="F28" s="12"/>
      <c r="G28" s="12"/>
    </row>
    <row r="29" spans="2:7" s="2" customFormat="1" ht="20.100000000000001" customHeight="1" x14ac:dyDescent="0.25">
      <c r="B29" s="11"/>
      <c r="C29" s="11" t="s">
        <v>23</v>
      </c>
      <c r="D29" s="11"/>
      <c r="E29" s="12"/>
      <c r="F29" s="12"/>
      <c r="G29" s="12"/>
    </row>
    <row r="30" spans="2:7" s="2" customFormat="1" ht="20.100000000000001" customHeight="1" x14ac:dyDescent="0.25">
      <c r="B30" s="120" t="s">
        <v>19</v>
      </c>
      <c r="C30" s="121"/>
      <c r="D30" s="57"/>
      <c r="E30" s="12"/>
      <c r="F30" s="12"/>
      <c r="G30" s="12"/>
    </row>
    <row r="31" spans="2:7" s="2" customFormat="1" ht="31.5" customHeight="1" x14ac:dyDescent="0.25">
      <c r="B31" s="14" t="s">
        <v>20</v>
      </c>
      <c r="C31" s="141" t="s">
        <v>13</v>
      </c>
      <c r="D31" s="142"/>
      <c r="E31" s="143"/>
      <c r="F31" s="15" t="s">
        <v>12</v>
      </c>
      <c r="G31" s="15" t="s">
        <v>14</v>
      </c>
    </row>
    <row r="32" spans="2:7" s="2" customFormat="1" ht="24.95" customHeight="1" x14ac:dyDescent="0.25">
      <c r="B32" s="39" t="s">
        <v>2</v>
      </c>
      <c r="C32" s="71" t="s">
        <v>110</v>
      </c>
      <c r="D32" s="103"/>
      <c r="E32" s="72"/>
      <c r="F32" s="13" t="s">
        <v>1</v>
      </c>
      <c r="G32" s="40">
        <v>1</v>
      </c>
    </row>
    <row r="33" spans="2:8" s="2" customFormat="1" ht="24.95" customHeight="1" x14ac:dyDescent="0.25">
      <c r="B33" s="39" t="s">
        <v>84</v>
      </c>
      <c r="C33" s="71" t="s">
        <v>112</v>
      </c>
      <c r="D33" s="103"/>
      <c r="E33" s="72"/>
      <c r="F33" s="13" t="s">
        <v>1</v>
      </c>
      <c r="G33" s="40">
        <v>1</v>
      </c>
    </row>
    <row r="34" spans="2:8" s="2" customFormat="1" ht="24.95" customHeight="1" x14ac:dyDescent="0.25">
      <c r="B34" s="39" t="s">
        <v>108</v>
      </c>
      <c r="C34" s="58" t="s">
        <v>85</v>
      </c>
      <c r="D34" s="64"/>
      <c r="E34" s="59"/>
      <c r="F34" s="13" t="s">
        <v>86</v>
      </c>
      <c r="G34" s="40">
        <v>60</v>
      </c>
    </row>
    <row r="35" spans="2:8" s="2" customFormat="1" ht="24.95" customHeight="1" x14ac:dyDescent="0.25">
      <c r="B35" s="39" t="s">
        <v>109</v>
      </c>
      <c r="C35" s="71" t="s">
        <v>111</v>
      </c>
      <c r="D35" s="103"/>
      <c r="E35" s="72"/>
      <c r="F35" s="13" t="s">
        <v>86</v>
      </c>
      <c r="G35" s="40">
        <v>60</v>
      </c>
    </row>
    <row r="36" spans="2:8" s="2" customFormat="1" ht="4.5" customHeight="1" x14ac:dyDescent="0.25">
      <c r="B36" s="12"/>
      <c r="C36" s="12"/>
      <c r="D36" s="12"/>
      <c r="E36" s="12"/>
      <c r="F36" s="12"/>
      <c r="G36" s="12"/>
    </row>
    <row r="37" spans="2:8" s="2" customFormat="1" ht="20.100000000000001" customHeight="1" x14ac:dyDescent="0.25">
      <c r="B37" s="120" t="s">
        <v>21</v>
      </c>
      <c r="C37" s="121"/>
      <c r="D37" s="57"/>
      <c r="E37" s="12"/>
      <c r="F37" s="12"/>
      <c r="G37" s="12"/>
    </row>
    <row r="38" spans="2:8" s="2" customFormat="1" ht="20.100000000000001" customHeight="1" x14ac:dyDescent="0.2">
      <c r="B38" s="1"/>
      <c r="C38" s="2" t="s">
        <v>3</v>
      </c>
      <c r="E38" s="12"/>
      <c r="F38" s="12"/>
      <c r="G38" s="12"/>
    </row>
    <row r="39" spans="2:8" s="2" customFormat="1" ht="20.100000000000001" customHeight="1" x14ac:dyDescent="0.25">
      <c r="B39" s="11"/>
      <c r="C39" s="2" t="s">
        <v>4</v>
      </c>
      <c r="E39" s="12"/>
      <c r="F39" s="12"/>
      <c r="G39" s="12"/>
    </row>
    <row r="40" spans="2:8" ht="5.0999999999999996" customHeight="1" x14ac:dyDescent="0.2"/>
    <row r="41" spans="2:8" s="2" customFormat="1" ht="20.100000000000001" customHeight="1" x14ac:dyDescent="0.25">
      <c r="B41" s="106" t="s">
        <v>26</v>
      </c>
      <c r="C41" s="106"/>
      <c r="D41" s="106"/>
      <c r="E41" s="106"/>
      <c r="F41" s="106"/>
      <c r="G41" s="106"/>
    </row>
    <row r="42" spans="2:8" s="2" customFormat="1" ht="5.0999999999999996" customHeight="1" thickBot="1" x14ac:dyDescent="0.3">
      <c r="B42" s="11"/>
      <c r="E42" s="6"/>
      <c r="F42" s="6"/>
      <c r="G42" s="6"/>
    </row>
    <row r="43" spans="2:8" s="3" customFormat="1" ht="93" customHeight="1" x14ac:dyDescent="0.25">
      <c r="B43" s="124" t="s">
        <v>0</v>
      </c>
      <c r="C43" s="125"/>
      <c r="D43" s="51"/>
      <c r="E43" s="107" t="s">
        <v>28</v>
      </c>
      <c r="F43" s="108"/>
      <c r="G43" s="109"/>
      <c r="H43" s="20"/>
    </row>
    <row r="44" spans="2:8" s="3" customFormat="1" ht="30" customHeight="1" thickBot="1" x14ac:dyDescent="0.3">
      <c r="B44" s="126"/>
      <c r="C44" s="127"/>
      <c r="D44" s="52"/>
      <c r="E44" s="21" t="s">
        <v>29</v>
      </c>
      <c r="F44" s="128" t="s">
        <v>30</v>
      </c>
      <c r="G44" s="129"/>
    </row>
    <row r="45" spans="2:8" s="22" customFormat="1" ht="30.75" customHeight="1" x14ac:dyDescent="0.25">
      <c r="B45" s="83" t="s">
        <v>113</v>
      </c>
      <c r="C45" s="84"/>
      <c r="D45" s="84"/>
      <c r="E45" s="84"/>
      <c r="F45" s="84"/>
      <c r="G45" s="85"/>
    </row>
    <row r="46" spans="2:8" s="4" customFormat="1" ht="24.95" customHeight="1" x14ac:dyDescent="0.25">
      <c r="B46" s="49" t="s">
        <v>16</v>
      </c>
      <c r="C46" s="99" t="s">
        <v>114</v>
      </c>
      <c r="D46" s="99"/>
      <c r="E46" s="13"/>
      <c r="F46" s="97"/>
      <c r="G46" s="98"/>
    </row>
    <row r="47" spans="2:8" s="4" customFormat="1" ht="24.95" customHeight="1" x14ac:dyDescent="0.25">
      <c r="B47" s="49" t="s">
        <v>58</v>
      </c>
      <c r="C47" s="99" t="s">
        <v>115</v>
      </c>
      <c r="D47" s="99"/>
      <c r="E47" s="13"/>
      <c r="F47" s="97"/>
      <c r="G47" s="98"/>
    </row>
    <row r="48" spans="2:8" s="4" customFormat="1" ht="35.1" customHeight="1" x14ac:dyDescent="0.25">
      <c r="B48" s="49" t="s">
        <v>59</v>
      </c>
      <c r="C48" s="99" t="s">
        <v>116</v>
      </c>
      <c r="D48" s="99"/>
      <c r="E48" s="13"/>
      <c r="F48" s="97"/>
      <c r="G48" s="98"/>
    </row>
    <row r="49" spans="2:7" s="4" customFormat="1" ht="24.95" customHeight="1" x14ac:dyDescent="0.25">
      <c r="B49" s="49" t="s">
        <v>60</v>
      </c>
      <c r="C49" s="99" t="s">
        <v>117</v>
      </c>
      <c r="D49" s="99"/>
      <c r="E49" s="13"/>
      <c r="F49" s="97"/>
      <c r="G49" s="98"/>
    </row>
    <row r="50" spans="2:7" s="4" customFormat="1" ht="24.95" customHeight="1" x14ac:dyDescent="0.25">
      <c r="B50" s="49" t="s">
        <v>61</v>
      </c>
      <c r="C50" s="48" t="s">
        <v>118</v>
      </c>
      <c r="D50" s="66" t="s">
        <v>249</v>
      </c>
      <c r="E50" s="13"/>
      <c r="F50" s="97"/>
      <c r="G50" s="98"/>
    </row>
    <row r="51" spans="2:7" s="4" customFormat="1" ht="35.1" customHeight="1" x14ac:dyDescent="0.25">
      <c r="B51" s="49" t="s">
        <v>62</v>
      </c>
      <c r="C51" s="48" t="s">
        <v>119</v>
      </c>
      <c r="D51" s="66" t="s">
        <v>250</v>
      </c>
      <c r="E51" s="13"/>
      <c r="F51" s="97"/>
      <c r="G51" s="98"/>
    </row>
    <row r="52" spans="2:7" s="4" customFormat="1" ht="24.95" customHeight="1" x14ac:dyDescent="0.25">
      <c r="B52" s="49" t="s">
        <v>70</v>
      </c>
      <c r="C52" s="48" t="s">
        <v>120</v>
      </c>
      <c r="D52" s="66" t="s">
        <v>251</v>
      </c>
      <c r="E52" s="13"/>
      <c r="F52" s="97"/>
      <c r="G52" s="98"/>
    </row>
    <row r="53" spans="2:7" s="4" customFormat="1" ht="35.1" customHeight="1" x14ac:dyDescent="0.25">
      <c r="B53" s="49" t="s">
        <v>63</v>
      </c>
      <c r="C53" s="48" t="s">
        <v>121</v>
      </c>
      <c r="D53" s="66" t="s">
        <v>252</v>
      </c>
      <c r="E53" s="13"/>
      <c r="F53" s="97"/>
      <c r="G53" s="98"/>
    </row>
    <row r="54" spans="2:7" s="4" customFormat="1" ht="46.5" customHeight="1" x14ac:dyDescent="0.25">
      <c r="B54" s="49" t="s">
        <v>64</v>
      </c>
      <c r="C54" s="48" t="s">
        <v>122</v>
      </c>
      <c r="D54" s="66" t="s">
        <v>253</v>
      </c>
      <c r="E54" s="50"/>
      <c r="F54" s="97"/>
      <c r="G54" s="98"/>
    </row>
    <row r="55" spans="2:7" s="4" customFormat="1" ht="35.1" customHeight="1" x14ac:dyDescent="0.25">
      <c r="B55" s="49" t="s">
        <v>65</v>
      </c>
      <c r="C55" s="48" t="s">
        <v>123</v>
      </c>
      <c r="D55" s="66" t="s">
        <v>254</v>
      </c>
      <c r="E55" s="50"/>
      <c r="F55" s="97"/>
      <c r="G55" s="98"/>
    </row>
    <row r="56" spans="2:7" s="4" customFormat="1" ht="24.95" customHeight="1" x14ac:dyDescent="0.25">
      <c r="B56" s="49" t="s">
        <v>66</v>
      </c>
      <c r="C56" s="99" t="s">
        <v>124</v>
      </c>
      <c r="D56" s="99"/>
      <c r="E56" s="13"/>
      <c r="F56" s="97"/>
      <c r="G56" s="98"/>
    </row>
    <row r="57" spans="2:7" s="4" customFormat="1" ht="24.95" customHeight="1" x14ac:dyDescent="0.25">
      <c r="B57" s="49" t="s">
        <v>71</v>
      </c>
      <c r="C57" s="99" t="s">
        <v>125</v>
      </c>
      <c r="D57" s="99"/>
      <c r="E57" s="62"/>
      <c r="F57" s="97"/>
      <c r="G57" s="98"/>
    </row>
    <row r="58" spans="2:7" s="4" customFormat="1" ht="46.5" customHeight="1" x14ac:dyDescent="0.25">
      <c r="B58" s="49" t="s">
        <v>72</v>
      </c>
      <c r="C58" s="99" t="s">
        <v>126</v>
      </c>
      <c r="D58" s="99"/>
      <c r="E58" s="62"/>
      <c r="F58" s="97"/>
      <c r="G58" s="98"/>
    </row>
    <row r="59" spans="2:7" s="4" customFormat="1" ht="35.1" customHeight="1" x14ac:dyDescent="0.25">
      <c r="B59" s="49" t="s">
        <v>67</v>
      </c>
      <c r="C59" s="99" t="s">
        <v>127</v>
      </c>
      <c r="D59" s="99"/>
      <c r="E59" s="62"/>
      <c r="F59" s="97"/>
      <c r="G59" s="98"/>
    </row>
    <row r="60" spans="2:7" s="4" customFormat="1" ht="24.95" customHeight="1" x14ac:dyDescent="0.25">
      <c r="B60" s="49" t="s">
        <v>73</v>
      </c>
      <c r="C60" s="99" t="s">
        <v>128</v>
      </c>
      <c r="D60" s="99"/>
      <c r="E60" s="62"/>
      <c r="F60" s="97"/>
      <c r="G60" s="98"/>
    </row>
    <row r="61" spans="2:7" s="4" customFormat="1" ht="35.1" customHeight="1" x14ac:dyDescent="0.25">
      <c r="B61" s="49" t="s">
        <v>97</v>
      </c>
      <c r="C61" s="99" t="s">
        <v>129</v>
      </c>
      <c r="D61" s="99"/>
      <c r="E61" s="62"/>
      <c r="F61" s="97"/>
      <c r="G61" s="98"/>
    </row>
    <row r="62" spans="2:7" s="4" customFormat="1" ht="24.95" customHeight="1" x14ac:dyDescent="0.25">
      <c r="B62" s="49" t="s">
        <v>74</v>
      </c>
      <c r="C62" s="99" t="s">
        <v>130</v>
      </c>
      <c r="D62" s="99"/>
      <c r="E62" s="62"/>
      <c r="F62" s="97"/>
      <c r="G62" s="98"/>
    </row>
    <row r="63" spans="2:7" s="4" customFormat="1" ht="24.95" customHeight="1" x14ac:dyDescent="0.25">
      <c r="B63" s="49" t="s">
        <v>75</v>
      </c>
      <c r="C63" s="99" t="s">
        <v>131</v>
      </c>
      <c r="D63" s="99"/>
      <c r="E63" s="62"/>
      <c r="F63" s="97"/>
      <c r="G63" s="98"/>
    </row>
    <row r="64" spans="2:7" s="4" customFormat="1" ht="35.1" customHeight="1" x14ac:dyDescent="0.25">
      <c r="B64" s="49" t="s">
        <v>76</v>
      </c>
      <c r="C64" s="99" t="s">
        <v>132</v>
      </c>
      <c r="D64" s="99"/>
      <c r="E64" s="62"/>
      <c r="F64" s="97"/>
      <c r="G64" s="98"/>
    </row>
    <row r="65" spans="2:7" s="4" customFormat="1" ht="24.95" customHeight="1" x14ac:dyDescent="0.25">
      <c r="B65" s="49" t="s">
        <v>77</v>
      </c>
      <c r="C65" s="48" t="s">
        <v>133</v>
      </c>
      <c r="D65" s="66" t="s">
        <v>255</v>
      </c>
      <c r="E65" s="62"/>
      <c r="F65" s="97"/>
      <c r="G65" s="98"/>
    </row>
    <row r="66" spans="2:7" s="4" customFormat="1" ht="24.95" customHeight="1" x14ac:dyDescent="0.25">
      <c r="B66" s="49" t="s">
        <v>98</v>
      </c>
      <c r="C66" s="48" t="s">
        <v>134</v>
      </c>
      <c r="D66" s="66" t="s">
        <v>256</v>
      </c>
      <c r="E66" s="62"/>
      <c r="F66" s="97"/>
      <c r="G66" s="98"/>
    </row>
    <row r="67" spans="2:7" s="4" customFormat="1" ht="24.95" customHeight="1" x14ac:dyDescent="0.25">
      <c r="B67" s="49" t="s">
        <v>78</v>
      </c>
      <c r="C67" s="48" t="s">
        <v>135</v>
      </c>
      <c r="D67" s="66" t="s">
        <v>257</v>
      </c>
      <c r="E67" s="62"/>
      <c r="F67" s="97"/>
      <c r="G67" s="98"/>
    </row>
    <row r="68" spans="2:7" s="4" customFormat="1" ht="24.95" customHeight="1" x14ac:dyDescent="0.25">
      <c r="B68" s="49" t="s">
        <v>79</v>
      </c>
      <c r="C68" s="48" t="s">
        <v>136</v>
      </c>
      <c r="D68" s="66" t="s">
        <v>258</v>
      </c>
      <c r="E68" s="62"/>
      <c r="F68" s="97"/>
      <c r="G68" s="98"/>
    </row>
    <row r="69" spans="2:7" s="4" customFormat="1" ht="24.95" customHeight="1" x14ac:dyDescent="0.25">
      <c r="B69" s="49" t="s">
        <v>80</v>
      </c>
      <c r="C69" s="99" t="s">
        <v>137</v>
      </c>
      <c r="D69" s="99"/>
      <c r="E69" s="62"/>
      <c r="F69" s="97"/>
      <c r="G69" s="98"/>
    </row>
    <row r="70" spans="2:7" s="4" customFormat="1" ht="24.95" customHeight="1" x14ac:dyDescent="0.25">
      <c r="B70" s="49" t="s">
        <v>81</v>
      </c>
      <c r="C70" s="48" t="s">
        <v>138</v>
      </c>
      <c r="D70" s="66" t="s">
        <v>259</v>
      </c>
      <c r="E70" s="62"/>
      <c r="F70" s="97"/>
      <c r="G70" s="98"/>
    </row>
    <row r="71" spans="2:7" s="4" customFormat="1" ht="24.95" customHeight="1" x14ac:dyDescent="0.25">
      <c r="B71" s="49" t="s">
        <v>87</v>
      </c>
      <c r="C71" s="99" t="s">
        <v>139</v>
      </c>
      <c r="D71" s="99"/>
      <c r="E71" s="62"/>
      <c r="F71" s="97"/>
      <c r="G71" s="98"/>
    </row>
    <row r="72" spans="2:7" s="4" customFormat="1" ht="35.1" customHeight="1" x14ac:dyDescent="0.25">
      <c r="B72" s="49" t="s">
        <v>88</v>
      </c>
      <c r="C72" s="99" t="s">
        <v>140</v>
      </c>
      <c r="D72" s="99"/>
      <c r="E72" s="62"/>
      <c r="F72" s="97"/>
      <c r="G72" s="98"/>
    </row>
    <row r="73" spans="2:7" s="4" customFormat="1" ht="24.95" customHeight="1" x14ac:dyDescent="0.25">
      <c r="B73" s="49" t="s">
        <v>89</v>
      </c>
      <c r="C73" s="48" t="s">
        <v>141</v>
      </c>
      <c r="D73" s="66" t="s">
        <v>260</v>
      </c>
      <c r="E73" s="62"/>
      <c r="F73" s="97"/>
      <c r="G73" s="98"/>
    </row>
    <row r="74" spans="2:7" s="4" customFormat="1" ht="24.95" customHeight="1" x14ac:dyDescent="0.25">
      <c r="B74" s="49" t="s">
        <v>90</v>
      </c>
      <c r="C74" s="99" t="s">
        <v>142</v>
      </c>
      <c r="D74" s="99"/>
      <c r="E74" s="62"/>
      <c r="F74" s="97"/>
      <c r="G74" s="98"/>
    </row>
    <row r="75" spans="2:7" s="4" customFormat="1" ht="24.95" customHeight="1" x14ac:dyDescent="0.25">
      <c r="B75" s="49" t="s">
        <v>91</v>
      </c>
      <c r="C75" s="99" t="s">
        <v>143</v>
      </c>
      <c r="D75" s="99"/>
      <c r="E75" s="62"/>
      <c r="F75" s="97"/>
      <c r="G75" s="98"/>
    </row>
    <row r="76" spans="2:7" s="4" customFormat="1" ht="35.1" customHeight="1" x14ac:dyDescent="0.25">
      <c r="B76" s="49" t="s">
        <v>92</v>
      </c>
      <c r="C76" s="99" t="s">
        <v>144</v>
      </c>
      <c r="D76" s="99"/>
      <c r="E76" s="62"/>
      <c r="F76" s="97"/>
      <c r="G76" s="98"/>
    </row>
    <row r="77" spans="2:7" s="4" customFormat="1" ht="24.95" customHeight="1" x14ac:dyDescent="0.25">
      <c r="B77" s="49" t="s">
        <v>93</v>
      </c>
      <c r="C77" s="99" t="s">
        <v>145</v>
      </c>
      <c r="D77" s="99"/>
      <c r="E77" s="62"/>
      <c r="F77" s="97"/>
      <c r="G77" s="98"/>
    </row>
    <row r="78" spans="2:7" s="4" customFormat="1" ht="24.95" customHeight="1" x14ac:dyDescent="0.25">
      <c r="B78" s="49" t="s">
        <v>99</v>
      </c>
      <c r="C78" s="91" t="s">
        <v>146</v>
      </c>
      <c r="D78" s="92"/>
      <c r="E78" s="62"/>
      <c r="F78" s="97"/>
      <c r="G78" s="98"/>
    </row>
    <row r="79" spans="2:7" s="4" customFormat="1" ht="24.95" customHeight="1" x14ac:dyDescent="0.25">
      <c r="B79" s="49" t="s">
        <v>147</v>
      </c>
      <c r="C79" s="93" t="s">
        <v>148</v>
      </c>
      <c r="D79" s="94"/>
      <c r="E79" s="62"/>
      <c r="F79" s="97"/>
      <c r="G79" s="98"/>
    </row>
    <row r="80" spans="2:7" s="4" customFormat="1" ht="35.1" customHeight="1" x14ac:dyDescent="0.25">
      <c r="B80" s="49" t="s">
        <v>149</v>
      </c>
      <c r="C80" s="48" t="s">
        <v>150</v>
      </c>
      <c r="D80" s="66" t="s">
        <v>261</v>
      </c>
      <c r="E80" s="62"/>
      <c r="F80" s="97"/>
      <c r="G80" s="98"/>
    </row>
    <row r="81" spans="2:7" s="4" customFormat="1" ht="24.95" customHeight="1" x14ac:dyDescent="0.25">
      <c r="B81" s="49" t="s">
        <v>151</v>
      </c>
      <c r="C81" s="48" t="s">
        <v>152</v>
      </c>
      <c r="D81" s="66" t="s">
        <v>262</v>
      </c>
      <c r="E81" s="62"/>
      <c r="F81" s="97"/>
      <c r="G81" s="98"/>
    </row>
    <row r="82" spans="2:7" s="4" customFormat="1" ht="35.1" customHeight="1" x14ac:dyDescent="0.25">
      <c r="B82" s="49" t="s">
        <v>153</v>
      </c>
      <c r="C82" s="48" t="s">
        <v>154</v>
      </c>
      <c r="D82" s="66" t="s">
        <v>263</v>
      </c>
      <c r="E82" s="62"/>
      <c r="F82" s="97"/>
      <c r="G82" s="98"/>
    </row>
    <row r="83" spans="2:7" s="4" customFormat="1" ht="24.95" customHeight="1" x14ac:dyDescent="0.25">
      <c r="B83" s="49" t="s">
        <v>155</v>
      </c>
      <c r="C83" s="93" t="s">
        <v>156</v>
      </c>
      <c r="D83" s="94"/>
      <c r="E83" s="62"/>
      <c r="F83" s="97"/>
      <c r="G83" s="98"/>
    </row>
    <row r="84" spans="2:7" s="4" customFormat="1" ht="35.1" customHeight="1" x14ac:dyDescent="0.25">
      <c r="B84" s="49" t="s">
        <v>157</v>
      </c>
      <c r="C84" s="48" t="s">
        <v>158</v>
      </c>
      <c r="D84" s="66" t="s">
        <v>264</v>
      </c>
      <c r="E84" s="62"/>
      <c r="F84" s="97"/>
      <c r="G84" s="98"/>
    </row>
    <row r="85" spans="2:7" s="4" customFormat="1" ht="24.95" customHeight="1" x14ac:dyDescent="0.25">
      <c r="B85" s="49" t="s">
        <v>159</v>
      </c>
      <c r="C85" s="48" t="s">
        <v>160</v>
      </c>
      <c r="D85" s="66" t="s">
        <v>262</v>
      </c>
      <c r="E85" s="62"/>
      <c r="F85" s="97"/>
      <c r="G85" s="98"/>
    </row>
    <row r="86" spans="2:7" s="4" customFormat="1" ht="35.1" customHeight="1" x14ac:dyDescent="0.25">
      <c r="B86" s="49" t="s">
        <v>161</v>
      </c>
      <c r="C86" s="48" t="s">
        <v>162</v>
      </c>
      <c r="D86" s="66" t="s">
        <v>265</v>
      </c>
      <c r="E86" s="62"/>
      <c r="F86" s="97"/>
      <c r="G86" s="98"/>
    </row>
    <row r="87" spans="2:7" s="4" customFormat="1" ht="24.95" customHeight="1" x14ac:dyDescent="0.25">
      <c r="B87" s="49" t="s">
        <v>163</v>
      </c>
      <c r="C87" s="93" t="s">
        <v>156</v>
      </c>
      <c r="D87" s="94"/>
      <c r="E87" s="62"/>
      <c r="F87" s="97"/>
      <c r="G87" s="98"/>
    </row>
    <row r="88" spans="2:7" s="4" customFormat="1" ht="41.25" customHeight="1" x14ac:dyDescent="0.25">
      <c r="B88" s="49" t="s">
        <v>164</v>
      </c>
      <c r="C88" s="48" t="s">
        <v>165</v>
      </c>
      <c r="D88" s="66" t="s">
        <v>266</v>
      </c>
      <c r="E88" s="62"/>
      <c r="F88" s="97"/>
      <c r="G88" s="98"/>
    </row>
    <row r="89" spans="2:7" s="4" customFormat="1" ht="24.95" customHeight="1" x14ac:dyDescent="0.25">
      <c r="B89" s="49" t="s">
        <v>166</v>
      </c>
      <c r="C89" s="48" t="s">
        <v>160</v>
      </c>
      <c r="D89" s="66" t="s">
        <v>262</v>
      </c>
      <c r="E89" s="62"/>
      <c r="F89" s="97"/>
      <c r="G89" s="98"/>
    </row>
    <row r="90" spans="2:7" s="4" customFormat="1" ht="35.1" customHeight="1" x14ac:dyDescent="0.25">
      <c r="B90" s="49" t="s">
        <v>167</v>
      </c>
      <c r="C90" s="48" t="s">
        <v>162</v>
      </c>
      <c r="D90" s="66" t="s">
        <v>265</v>
      </c>
      <c r="E90" s="62"/>
      <c r="F90" s="97"/>
      <c r="G90" s="98"/>
    </row>
    <row r="91" spans="2:7" s="4" customFormat="1" ht="35.1" customHeight="1" x14ac:dyDescent="0.25">
      <c r="B91" s="49" t="s">
        <v>168</v>
      </c>
      <c r="C91" s="99" t="s">
        <v>169</v>
      </c>
      <c r="D91" s="99"/>
      <c r="E91" s="13"/>
      <c r="F91" s="97"/>
      <c r="G91" s="98"/>
    </row>
    <row r="92" spans="2:7" s="4" customFormat="1" ht="24.95" customHeight="1" x14ac:dyDescent="0.25">
      <c r="B92" s="49" t="s">
        <v>94</v>
      </c>
      <c r="C92" s="91" t="s">
        <v>170</v>
      </c>
      <c r="D92" s="92"/>
      <c r="E92" s="13"/>
      <c r="F92" s="97"/>
      <c r="G92" s="98"/>
    </row>
    <row r="93" spans="2:7" s="4" customFormat="1" ht="24.95" customHeight="1" x14ac:dyDescent="0.25">
      <c r="B93" s="49" t="s">
        <v>171</v>
      </c>
      <c r="C93" s="93" t="s">
        <v>172</v>
      </c>
      <c r="D93" s="94"/>
      <c r="E93" s="62"/>
      <c r="F93" s="97"/>
      <c r="G93" s="98"/>
    </row>
    <row r="94" spans="2:7" s="4" customFormat="1" ht="48.75" customHeight="1" x14ac:dyDescent="0.25">
      <c r="B94" s="49" t="s">
        <v>173</v>
      </c>
      <c r="C94" s="48" t="s">
        <v>174</v>
      </c>
      <c r="D94" s="66" t="s">
        <v>267</v>
      </c>
      <c r="E94" s="62"/>
      <c r="F94" s="97"/>
      <c r="G94" s="98"/>
    </row>
    <row r="95" spans="2:7" s="4" customFormat="1" ht="24.95" customHeight="1" x14ac:dyDescent="0.25">
      <c r="B95" s="49" t="s">
        <v>175</v>
      </c>
      <c r="C95" s="48" t="s">
        <v>176</v>
      </c>
      <c r="D95" s="66" t="s">
        <v>268</v>
      </c>
      <c r="E95" s="62"/>
      <c r="F95" s="97"/>
      <c r="G95" s="98"/>
    </row>
    <row r="96" spans="2:7" s="4" customFormat="1" ht="24.95" customHeight="1" x14ac:dyDescent="0.25">
      <c r="B96" s="49" t="s">
        <v>177</v>
      </c>
      <c r="C96" s="48" t="s">
        <v>178</v>
      </c>
      <c r="D96" s="66" t="s">
        <v>263</v>
      </c>
      <c r="E96" s="62"/>
      <c r="F96" s="97"/>
      <c r="G96" s="98"/>
    </row>
    <row r="97" spans="2:7" s="4" customFormat="1" ht="24.95" customHeight="1" x14ac:dyDescent="0.25">
      <c r="B97" s="49" t="s">
        <v>179</v>
      </c>
      <c r="C97" s="93" t="s">
        <v>180</v>
      </c>
      <c r="D97" s="94"/>
      <c r="E97" s="62"/>
      <c r="F97" s="97"/>
      <c r="G97" s="98"/>
    </row>
    <row r="98" spans="2:7" s="4" customFormat="1" ht="35.1" customHeight="1" x14ac:dyDescent="0.25">
      <c r="B98" s="49" t="s">
        <v>181</v>
      </c>
      <c r="C98" s="48" t="s">
        <v>182</v>
      </c>
      <c r="D98" s="66" t="s">
        <v>269</v>
      </c>
      <c r="E98" s="62"/>
      <c r="F98" s="97"/>
      <c r="G98" s="98"/>
    </row>
    <row r="99" spans="2:7" s="4" customFormat="1" ht="24.95" customHeight="1" x14ac:dyDescent="0.25">
      <c r="B99" s="49" t="s">
        <v>183</v>
      </c>
      <c r="C99" s="48" t="s">
        <v>184</v>
      </c>
      <c r="D99" s="66" t="s">
        <v>270</v>
      </c>
      <c r="E99" s="62"/>
      <c r="F99" s="97"/>
      <c r="G99" s="98"/>
    </row>
    <row r="100" spans="2:7" s="4" customFormat="1" ht="24.95" customHeight="1" x14ac:dyDescent="0.25">
      <c r="B100" s="49" t="s">
        <v>185</v>
      </c>
      <c r="C100" s="48" t="s">
        <v>186</v>
      </c>
      <c r="D100" s="66" t="s">
        <v>271</v>
      </c>
      <c r="E100" s="62"/>
      <c r="F100" s="97"/>
      <c r="G100" s="98"/>
    </row>
    <row r="101" spans="2:7" s="4" customFormat="1" ht="24.95" customHeight="1" x14ac:dyDescent="0.25">
      <c r="B101" s="49" t="s">
        <v>95</v>
      </c>
      <c r="C101" s="91" t="s">
        <v>187</v>
      </c>
      <c r="D101" s="92"/>
      <c r="E101" s="62"/>
      <c r="F101" s="97"/>
      <c r="G101" s="98"/>
    </row>
    <row r="102" spans="2:7" s="4" customFormat="1" ht="35.1" customHeight="1" x14ac:dyDescent="0.25">
      <c r="B102" s="49" t="s">
        <v>188</v>
      </c>
      <c r="C102" s="99" t="s">
        <v>189</v>
      </c>
      <c r="D102" s="99"/>
      <c r="E102" s="62"/>
      <c r="F102" s="97"/>
      <c r="G102" s="98"/>
    </row>
    <row r="103" spans="2:7" s="4" customFormat="1" ht="24.95" customHeight="1" x14ac:dyDescent="0.25">
      <c r="B103" s="49" t="s">
        <v>190</v>
      </c>
      <c r="C103" s="99" t="s">
        <v>191</v>
      </c>
      <c r="D103" s="99"/>
      <c r="E103" s="62"/>
      <c r="F103" s="97"/>
      <c r="G103" s="98"/>
    </row>
    <row r="104" spans="2:7" s="4" customFormat="1" ht="48" customHeight="1" x14ac:dyDescent="0.25">
      <c r="B104" s="49" t="s">
        <v>192</v>
      </c>
      <c r="C104" s="99" t="s">
        <v>193</v>
      </c>
      <c r="D104" s="99"/>
      <c r="E104" s="62"/>
      <c r="F104" s="97"/>
      <c r="G104" s="98"/>
    </row>
    <row r="105" spans="2:7" s="4" customFormat="1" ht="24.95" customHeight="1" x14ac:dyDescent="0.25">
      <c r="B105" s="49" t="s">
        <v>194</v>
      </c>
      <c r="C105" s="99" t="s">
        <v>195</v>
      </c>
      <c r="D105" s="99"/>
      <c r="E105" s="62"/>
      <c r="F105" s="97"/>
      <c r="G105" s="98"/>
    </row>
    <row r="106" spans="2:7" s="4" customFormat="1" ht="35.1" customHeight="1" x14ac:dyDescent="0.25">
      <c r="B106" s="49" t="s">
        <v>196</v>
      </c>
      <c r="C106" s="99" t="s">
        <v>197</v>
      </c>
      <c r="D106" s="99"/>
      <c r="E106" s="62"/>
      <c r="F106" s="97"/>
      <c r="G106" s="98"/>
    </row>
    <row r="107" spans="2:7" s="4" customFormat="1" ht="35.1" customHeight="1" x14ac:dyDescent="0.25">
      <c r="B107" s="49" t="s">
        <v>198</v>
      </c>
      <c r="C107" s="99" t="s">
        <v>199</v>
      </c>
      <c r="D107" s="99"/>
      <c r="E107" s="62"/>
      <c r="F107" s="97"/>
      <c r="G107" s="98"/>
    </row>
    <row r="108" spans="2:7" s="4" customFormat="1" ht="24.95" customHeight="1" x14ac:dyDescent="0.25">
      <c r="B108" s="49" t="s">
        <v>200</v>
      </c>
      <c r="C108" s="99" t="s">
        <v>201</v>
      </c>
      <c r="D108" s="99"/>
      <c r="E108" s="62"/>
      <c r="F108" s="97"/>
      <c r="G108" s="98"/>
    </row>
    <row r="109" spans="2:7" s="4" customFormat="1" ht="35.1" customHeight="1" x14ac:dyDescent="0.25">
      <c r="B109" s="49" t="s">
        <v>202</v>
      </c>
      <c r="C109" s="99" t="s">
        <v>203</v>
      </c>
      <c r="D109" s="99"/>
      <c r="E109" s="62"/>
      <c r="F109" s="97"/>
      <c r="G109" s="98"/>
    </row>
    <row r="110" spans="2:7" s="4" customFormat="1" ht="35.1" customHeight="1" x14ac:dyDescent="0.25">
      <c r="B110" s="49" t="s">
        <v>204</v>
      </c>
      <c r="C110" s="99" t="s">
        <v>205</v>
      </c>
      <c r="D110" s="99"/>
      <c r="E110" s="62"/>
      <c r="F110" s="97"/>
      <c r="G110" s="98"/>
    </row>
    <row r="111" spans="2:7" s="4" customFormat="1" ht="35.1" customHeight="1" x14ac:dyDescent="0.25">
      <c r="B111" s="49" t="s">
        <v>206</v>
      </c>
      <c r="C111" s="99" t="s">
        <v>207</v>
      </c>
      <c r="D111" s="99"/>
      <c r="E111" s="62"/>
      <c r="F111" s="97"/>
      <c r="G111" s="98"/>
    </row>
    <row r="112" spans="2:7" s="4" customFormat="1" ht="35.1" customHeight="1" x14ac:dyDescent="0.25">
      <c r="B112" s="49" t="s">
        <v>208</v>
      </c>
      <c r="C112" s="99" t="s">
        <v>209</v>
      </c>
      <c r="D112" s="99"/>
      <c r="E112" s="62"/>
      <c r="F112" s="97"/>
      <c r="G112" s="98"/>
    </row>
    <row r="113" spans="2:7" s="4" customFormat="1" ht="24.95" customHeight="1" x14ac:dyDescent="0.25">
      <c r="B113" s="49" t="s">
        <v>210</v>
      </c>
      <c r="C113" s="99" t="s">
        <v>211</v>
      </c>
      <c r="D113" s="99"/>
      <c r="E113" s="62"/>
      <c r="F113" s="97"/>
      <c r="G113" s="98"/>
    </row>
    <row r="114" spans="2:7" s="4" customFormat="1" ht="35.1" customHeight="1" x14ac:dyDescent="0.25">
      <c r="B114" s="49" t="s">
        <v>212</v>
      </c>
      <c r="C114" s="99" t="s">
        <v>213</v>
      </c>
      <c r="D114" s="99"/>
      <c r="E114" s="62"/>
      <c r="F114" s="97"/>
      <c r="G114" s="98"/>
    </row>
    <row r="115" spans="2:7" s="4" customFormat="1" ht="57" customHeight="1" x14ac:dyDescent="0.25">
      <c r="B115" s="49" t="s">
        <v>214</v>
      </c>
      <c r="C115" s="99" t="s">
        <v>215</v>
      </c>
      <c r="D115" s="99"/>
      <c r="E115" s="62"/>
      <c r="F115" s="97"/>
      <c r="G115" s="98"/>
    </row>
    <row r="116" spans="2:7" s="4" customFormat="1" ht="35.1" customHeight="1" x14ac:dyDescent="0.25">
      <c r="B116" s="49" t="s">
        <v>216</v>
      </c>
      <c r="C116" s="99" t="s">
        <v>217</v>
      </c>
      <c r="D116" s="99"/>
      <c r="E116" s="62"/>
      <c r="F116" s="97"/>
      <c r="G116" s="98"/>
    </row>
    <row r="117" spans="2:7" s="4" customFormat="1" ht="35.1" customHeight="1" x14ac:dyDescent="0.25">
      <c r="B117" s="49" t="s">
        <v>218</v>
      </c>
      <c r="C117" s="99" t="s">
        <v>219</v>
      </c>
      <c r="D117" s="99"/>
      <c r="E117" s="62"/>
      <c r="F117" s="97"/>
      <c r="G117" s="98"/>
    </row>
    <row r="118" spans="2:7" s="4" customFormat="1" ht="24.95" customHeight="1" x14ac:dyDescent="0.25">
      <c r="B118" s="49" t="s">
        <v>220</v>
      </c>
      <c r="C118" s="99" t="s">
        <v>221</v>
      </c>
      <c r="D118" s="99"/>
      <c r="E118" s="62"/>
      <c r="F118" s="97"/>
      <c r="G118" s="98"/>
    </row>
    <row r="119" spans="2:7" s="4" customFormat="1" ht="35.1" customHeight="1" x14ac:dyDescent="0.25">
      <c r="B119" s="49" t="s">
        <v>222</v>
      </c>
      <c r="C119" s="99" t="s">
        <v>223</v>
      </c>
      <c r="D119" s="99"/>
      <c r="E119" s="62"/>
      <c r="F119" s="95"/>
      <c r="G119" s="96"/>
    </row>
    <row r="120" spans="2:7" s="4" customFormat="1" ht="83.25" customHeight="1" x14ac:dyDescent="0.25">
      <c r="B120" s="49" t="s">
        <v>224</v>
      </c>
      <c r="C120" s="99" t="s">
        <v>225</v>
      </c>
      <c r="D120" s="99"/>
      <c r="E120" s="62"/>
      <c r="F120" s="95"/>
      <c r="G120" s="96"/>
    </row>
    <row r="121" spans="2:7" s="4" customFormat="1" ht="48" customHeight="1" x14ac:dyDescent="0.25">
      <c r="B121" s="49" t="s">
        <v>226</v>
      </c>
      <c r="C121" s="99" t="s">
        <v>227</v>
      </c>
      <c r="D121" s="99"/>
      <c r="E121" s="62"/>
      <c r="F121" s="95"/>
      <c r="G121" s="96"/>
    </row>
    <row r="122" spans="2:7" s="4" customFormat="1" ht="24.95" customHeight="1" x14ac:dyDescent="0.25">
      <c r="B122" s="49" t="s">
        <v>228</v>
      </c>
      <c r="C122" s="99" t="s">
        <v>229</v>
      </c>
      <c r="D122" s="99"/>
      <c r="E122" s="62"/>
      <c r="F122" s="95"/>
      <c r="G122" s="96"/>
    </row>
    <row r="123" spans="2:7" s="4" customFormat="1" ht="35.1" customHeight="1" x14ac:dyDescent="0.25">
      <c r="B123" s="49" t="s">
        <v>230</v>
      </c>
      <c r="C123" s="99" t="s">
        <v>231</v>
      </c>
      <c r="D123" s="99"/>
      <c r="E123" s="62"/>
      <c r="F123" s="95"/>
      <c r="G123" s="96"/>
    </row>
    <row r="124" spans="2:7" s="4" customFormat="1" ht="24.95" customHeight="1" x14ac:dyDescent="0.25">
      <c r="B124" s="49" t="s">
        <v>232</v>
      </c>
      <c r="C124" s="99" t="s">
        <v>233</v>
      </c>
      <c r="D124" s="99"/>
      <c r="E124" s="62"/>
      <c r="F124" s="95"/>
      <c r="G124" s="96"/>
    </row>
    <row r="125" spans="2:7" s="4" customFormat="1" ht="35.1" customHeight="1" x14ac:dyDescent="0.25">
      <c r="B125" s="49" t="s">
        <v>234</v>
      </c>
      <c r="C125" s="99" t="s">
        <v>235</v>
      </c>
      <c r="D125" s="99"/>
      <c r="E125" s="13"/>
      <c r="F125" s="95"/>
      <c r="G125" s="96"/>
    </row>
    <row r="126" spans="2:7" s="4" customFormat="1" ht="24.95" customHeight="1" x14ac:dyDescent="0.25">
      <c r="B126" s="49" t="s">
        <v>96</v>
      </c>
      <c r="C126" s="91" t="s">
        <v>236</v>
      </c>
      <c r="D126" s="92"/>
      <c r="E126" s="13"/>
      <c r="F126" s="95"/>
      <c r="G126" s="96"/>
    </row>
    <row r="127" spans="2:7" s="4" customFormat="1" ht="35.1" customHeight="1" x14ac:dyDescent="0.25">
      <c r="B127" s="49" t="s">
        <v>237</v>
      </c>
      <c r="C127" s="99" t="s">
        <v>238</v>
      </c>
      <c r="D127" s="99"/>
      <c r="E127" s="62"/>
      <c r="F127" s="95"/>
      <c r="G127" s="96"/>
    </row>
    <row r="128" spans="2:7" s="4" customFormat="1" ht="24.95" customHeight="1" x14ac:dyDescent="0.25">
      <c r="B128" s="49" t="s">
        <v>239</v>
      </c>
      <c r="C128" s="99" t="s">
        <v>240</v>
      </c>
      <c r="D128" s="99"/>
      <c r="E128" s="62"/>
      <c r="F128" s="95"/>
      <c r="G128" s="96"/>
    </row>
    <row r="129" spans="2:7" s="4" customFormat="1" ht="24.95" customHeight="1" x14ac:dyDescent="0.25">
      <c r="B129" s="49" t="s">
        <v>241</v>
      </c>
      <c r="C129" s="99" t="s">
        <v>242</v>
      </c>
      <c r="D129" s="99"/>
      <c r="E129" s="62"/>
      <c r="F129" s="95"/>
      <c r="G129" s="96"/>
    </row>
    <row r="130" spans="2:7" s="4" customFormat="1" ht="45.75" customHeight="1" x14ac:dyDescent="0.25">
      <c r="B130" s="49" t="s">
        <v>243</v>
      </c>
      <c r="C130" s="99" t="s">
        <v>244</v>
      </c>
      <c r="D130" s="99"/>
      <c r="E130" s="62"/>
      <c r="F130" s="95"/>
      <c r="G130" s="96"/>
    </row>
    <row r="131" spans="2:7" s="4" customFormat="1" ht="24.95" customHeight="1" x14ac:dyDescent="0.25">
      <c r="B131" s="49" t="s">
        <v>245</v>
      </c>
      <c r="C131" s="99" t="s">
        <v>246</v>
      </c>
      <c r="D131" s="99"/>
      <c r="E131" s="62"/>
      <c r="F131" s="95"/>
      <c r="G131" s="96"/>
    </row>
    <row r="132" spans="2:7" s="4" customFormat="1" ht="24.95" customHeight="1" thickBot="1" x14ac:dyDescent="0.3">
      <c r="B132" s="49" t="s">
        <v>247</v>
      </c>
      <c r="C132" s="99" t="s">
        <v>248</v>
      </c>
      <c r="D132" s="99"/>
      <c r="E132" s="62"/>
      <c r="F132" s="95"/>
      <c r="G132" s="96"/>
    </row>
    <row r="133" spans="2:7" s="22" customFormat="1" ht="30.75" customHeight="1" x14ac:dyDescent="0.25">
      <c r="B133" s="83" t="s">
        <v>272</v>
      </c>
      <c r="C133" s="84"/>
      <c r="D133" s="84"/>
      <c r="E133" s="84"/>
      <c r="F133" s="84"/>
      <c r="G133" s="85"/>
    </row>
    <row r="134" spans="2:7" s="4" customFormat="1" ht="24.95" customHeight="1" x14ac:dyDescent="0.25">
      <c r="B134" s="49" t="s">
        <v>16</v>
      </c>
      <c r="C134" s="65" t="s">
        <v>118</v>
      </c>
      <c r="D134" s="66" t="s">
        <v>249</v>
      </c>
      <c r="E134" s="13"/>
      <c r="F134" s="89"/>
      <c r="G134" s="90"/>
    </row>
    <row r="135" spans="2:7" s="4" customFormat="1" ht="35.1" customHeight="1" x14ac:dyDescent="0.25">
      <c r="B135" s="49" t="s">
        <v>58</v>
      </c>
      <c r="C135" s="65" t="s">
        <v>119</v>
      </c>
      <c r="D135" s="66" t="s">
        <v>250</v>
      </c>
      <c r="E135" s="13"/>
      <c r="F135" s="89"/>
      <c r="G135" s="90"/>
    </row>
    <row r="136" spans="2:7" s="4" customFormat="1" ht="24.95" customHeight="1" x14ac:dyDescent="0.25">
      <c r="B136" s="49" t="s">
        <v>59</v>
      </c>
      <c r="C136" s="65" t="s">
        <v>120</v>
      </c>
      <c r="D136" s="66" t="s">
        <v>251</v>
      </c>
      <c r="E136" s="13"/>
      <c r="F136" s="89"/>
      <c r="G136" s="90"/>
    </row>
    <row r="137" spans="2:7" s="4" customFormat="1" ht="30" customHeight="1" x14ac:dyDescent="0.25">
      <c r="B137" s="49" t="s">
        <v>60</v>
      </c>
      <c r="C137" s="65" t="s">
        <v>121</v>
      </c>
      <c r="D137" s="66" t="s">
        <v>319</v>
      </c>
      <c r="E137" s="13"/>
      <c r="F137" s="53"/>
      <c r="G137" s="54"/>
    </row>
    <row r="138" spans="2:7" s="4" customFormat="1" ht="24.95" customHeight="1" x14ac:dyDescent="0.25">
      <c r="B138" s="49" t="s">
        <v>61</v>
      </c>
      <c r="C138" s="65" t="s">
        <v>273</v>
      </c>
      <c r="D138" s="66" t="s">
        <v>320</v>
      </c>
      <c r="E138" s="13"/>
      <c r="F138" s="53"/>
      <c r="G138" s="54"/>
    </row>
    <row r="139" spans="2:7" s="4" customFormat="1" ht="47.25" customHeight="1" x14ac:dyDescent="0.25">
      <c r="B139" s="49" t="s">
        <v>62</v>
      </c>
      <c r="C139" s="65" t="s">
        <v>122</v>
      </c>
      <c r="D139" s="66" t="s">
        <v>253</v>
      </c>
      <c r="E139" s="13"/>
      <c r="F139" s="53"/>
      <c r="G139" s="54"/>
    </row>
    <row r="140" spans="2:7" s="4" customFormat="1" ht="24.95" customHeight="1" x14ac:dyDescent="0.25">
      <c r="B140" s="49" t="s">
        <v>70</v>
      </c>
      <c r="C140" s="65" t="s">
        <v>123</v>
      </c>
      <c r="D140" s="66" t="s">
        <v>321</v>
      </c>
      <c r="E140" s="13"/>
      <c r="F140" s="53"/>
      <c r="G140" s="54"/>
    </row>
    <row r="141" spans="2:7" s="4" customFormat="1" ht="24.95" customHeight="1" x14ac:dyDescent="0.25">
      <c r="B141" s="49" t="s">
        <v>63</v>
      </c>
      <c r="C141" s="79" t="s">
        <v>124</v>
      </c>
      <c r="D141" s="80"/>
      <c r="E141" s="13"/>
      <c r="F141" s="53"/>
      <c r="G141" s="54"/>
    </row>
    <row r="142" spans="2:7" s="4" customFormat="1" ht="24.95" customHeight="1" x14ac:dyDescent="0.25">
      <c r="B142" s="49" t="s">
        <v>64</v>
      </c>
      <c r="C142" s="79" t="s">
        <v>125</v>
      </c>
      <c r="D142" s="80"/>
      <c r="E142" s="13"/>
      <c r="F142" s="53"/>
      <c r="G142" s="54"/>
    </row>
    <row r="143" spans="2:7" s="4" customFormat="1" ht="45" customHeight="1" x14ac:dyDescent="0.25">
      <c r="B143" s="49" t="s">
        <v>65</v>
      </c>
      <c r="C143" s="79" t="s">
        <v>126</v>
      </c>
      <c r="D143" s="80"/>
      <c r="E143" s="13"/>
      <c r="F143" s="53"/>
      <c r="G143" s="54"/>
    </row>
    <row r="144" spans="2:7" s="4" customFormat="1" ht="30" customHeight="1" x14ac:dyDescent="0.25">
      <c r="B144" s="49" t="s">
        <v>66</v>
      </c>
      <c r="C144" s="79" t="s">
        <v>274</v>
      </c>
      <c r="D144" s="80"/>
      <c r="E144" s="13"/>
      <c r="F144" s="53"/>
      <c r="G144" s="54"/>
    </row>
    <row r="145" spans="2:7" s="4" customFormat="1" ht="24.95" customHeight="1" x14ac:dyDescent="0.25">
      <c r="B145" s="49" t="s">
        <v>71</v>
      </c>
      <c r="C145" s="79" t="s">
        <v>128</v>
      </c>
      <c r="D145" s="80"/>
      <c r="E145" s="13"/>
      <c r="F145" s="53"/>
      <c r="G145" s="54"/>
    </row>
    <row r="146" spans="2:7" s="4" customFormat="1" ht="30" customHeight="1" x14ac:dyDescent="0.25">
      <c r="B146" s="49" t="s">
        <v>72</v>
      </c>
      <c r="C146" s="79" t="s">
        <v>129</v>
      </c>
      <c r="D146" s="80"/>
      <c r="E146" s="13"/>
      <c r="F146" s="53"/>
      <c r="G146" s="54"/>
    </row>
    <row r="147" spans="2:7" s="4" customFormat="1" ht="24.95" customHeight="1" x14ac:dyDescent="0.25">
      <c r="B147" s="49" t="s">
        <v>67</v>
      </c>
      <c r="C147" s="79" t="s">
        <v>130</v>
      </c>
      <c r="D147" s="80"/>
      <c r="E147" s="13"/>
      <c r="F147" s="53"/>
      <c r="G147" s="54"/>
    </row>
    <row r="148" spans="2:7" s="4" customFormat="1" ht="24.95" customHeight="1" x14ac:dyDescent="0.25">
      <c r="B148" s="49" t="s">
        <v>73</v>
      </c>
      <c r="C148" s="79" t="s">
        <v>131</v>
      </c>
      <c r="D148" s="80"/>
      <c r="E148" s="13"/>
      <c r="F148" s="53"/>
      <c r="G148" s="54"/>
    </row>
    <row r="149" spans="2:7" s="4" customFormat="1" ht="30" customHeight="1" x14ac:dyDescent="0.25">
      <c r="B149" s="49" t="s">
        <v>97</v>
      </c>
      <c r="C149" s="79" t="s">
        <v>132</v>
      </c>
      <c r="D149" s="80"/>
      <c r="E149" s="13"/>
      <c r="F149" s="53"/>
      <c r="G149" s="54"/>
    </row>
    <row r="150" spans="2:7" s="4" customFormat="1" ht="24.95" customHeight="1" x14ac:dyDescent="0.25">
      <c r="B150" s="49" t="s">
        <v>74</v>
      </c>
      <c r="C150" s="65" t="s">
        <v>133</v>
      </c>
      <c r="D150" s="66" t="s">
        <v>255</v>
      </c>
      <c r="E150" s="13"/>
      <c r="F150" s="53"/>
      <c r="G150" s="54"/>
    </row>
    <row r="151" spans="2:7" s="4" customFormat="1" ht="24.95" customHeight="1" x14ac:dyDescent="0.25">
      <c r="B151" s="49" t="s">
        <v>75</v>
      </c>
      <c r="C151" s="65" t="s">
        <v>134</v>
      </c>
      <c r="D151" s="66" t="s">
        <v>256</v>
      </c>
      <c r="E151" s="13"/>
      <c r="F151" s="53"/>
      <c r="G151" s="54"/>
    </row>
    <row r="152" spans="2:7" s="4" customFormat="1" ht="24.95" customHeight="1" x14ac:dyDescent="0.25">
      <c r="B152" s="49" t="s">
        <v>76</v>
      </c>
      <c r="C152" s="65" t="s">
        <v>135</v>
      </c>
      <c r="D152" s="66" t="s">
        <v>257</v>
      </c>
      <c r="E152" s="13"/>
      <c r="F152" s="53"/>
      <c r="G152" s="54"/>
    </row>
    <row r="153" spans="2:7" s="4" customFormat="1" ht="24.95" customHeight="1" x14ac:dyDescent="0.25">
      <c r="B153" s="49" t="s">
        <v>77</v>
      </c>
      <c r="C153" s="65" t="s">
        <v>136</v>
      </c>
      <c r="D153" s="66" t="s">
        <v>258</v>
      </c>
      <c r="E153" s="13"/>
      <c r="F153" s="53"/>
      <c r="G153" s="54"/>
    </row>
    <row r="154" spans="2:7" s="4" customFormat="1" ht="24.95" customHeight="1" x14ac:dyDescent="0.25">
      <c r="B154" s="49" t="s">
        <v>98</v>
      </c>
      <c r="C154" s="79" t="s">
        <v>137</v>
      </c>
      <c r="D154" s="80"/>
      <c r="E154" s="13"/>
      <c r="F154" s="53"/>
      <c r="G154" s="54"/>
    </row>
    <row r="155" spans="2:7" s="4" customFormat="1" ht="24.95" customHeight="1" x14ac:dyDescent="0.25">
      <c r="B155" s="49" t="s">
        <v>78</v>
      </c>
      <c r="C155" s="65" t="s">
        <v>138</v>
      </c>
      <c r="D155" s="66" t="s">
        <v>322</v>
      </c>
      <c r="E155" s="13"/>
      <c r="F155" s="53"/>
      <c r="G155" s="54"/>
    </row>
    <row r="156" spans="2:7" s="4" customFormat="1" ht="24.95" customHeight="1" x14ac:dyDescent="0.25">
      <c r="B156" s="49" t="s">
        <v>79</v>
      </c>
      <c r="C156" s="79" t="s">
        <v>139</v>
      </c>
      <c r="D156" s="80"/>
      <c r="E156" s="13"/>
      <c r="F156" s="53"/>
      <c r="G156" s="54"/>
    </row>
    <row r="157" spans="2:7" s="4" customFormat="1" ht="30" customHeight="1" x14ac:dyDescent="0.25">
      <c r="B157" s="49" t="s">
        <v>80</v>
      </c>
      <c r="C157" s="79" t="s">
        <v>275</v>
      </c>
      <c r="D157" s="80"/>
      <c r="E157" s="13"/>
      <c r="F157" s="53"/>
      <c r="G157" s="54"/>
    </row>
    <row r="158" spans="2:7" s="4" customFormat="1" ht="24.95" customHeight="1" x14ac:dyDescent="0.25">
      <c r="B158" s="49" t="s">
        <v>81</v>
      </c>
      <c r="C158" s="65" t="s">
        <v>141</v>
      </c>
      <c r="D158" s="66" t="s">
        <v>260</v>
      </c>
      <c r="E158" s="13"/>
      <c r="F158" s="53"/>
      <c r="G158" s="54"/>
    </row>
    <row r="159" spans="2:7" s="4" customFormat="1" ht="24.95" customHeight="1" x14ac:dyDescent="0.25">
      <c r="B159" s="49" t="s">
        <v>87</v>
      </c>
      <c r="C159" s="79" t="s">
        <v>142</v>
      </c>
      <c r="D159" s="80"/>
      <c r="E159" s="13"/>
      <c r="F159" s="53"/>
      <c r="G159" s="54"/>
    </row>
    <row r="160" spans="2:7" s="4" customFormat="1" ht="24.95" customHeight="1" x14ac:dyDescent="0.25">
      <c r="B160" s="49" t="s">
        <v>88</v>
      </c>
      <c r="C160" s="79" t="s">
        <v>143</v>
      </c>
      <c r="D160" s="80"/>
      <c r="E160" s="13"/>
      <c r="F160" s="53"/>
      <c r="G160" s="54"/>
    </row>
    <row r="161" spans="2:7" s="4" customFormat="1" ht="30" customHeight="1" x14ac:dyDescent="0.25">
      <c r="B161" s="49" t="s">
        <v>89</v>
      </c>
      <c r="C161" s="79" t="s">
        <v>144</v>
      </c>
      <c r="D161" s="80"/>
      <c r="E161" s="13"/>
      <c r="F161" s="53"/>
      <c r="G161" s="54"/>
    </row>
    <row r="162" spans="2:7" s="4" customFormat="1" ht="24.95" customHeight="1" x14ac:dyDescent="0.25">
      <c r="B162" s="49" t="s">
        <v>90</v>
      </c>
      <c r="C162" s="79" t="s">
        <v>145</v>
      </c>
      <c r="D162" s="80"/>
      <c r="E162" s="13"/>
      <c r="F162" s="53"/>
      <c r="G162" s="54"/>
    </row>
    <row r="163" spans="2:7" s="4" customFormat="1" ht="30" customHeight="1" x14ac:dyDescent="0.25">
      <c r="B163" s="49" t="s">
        <v>91</v>
      </c>
      <c r="C163" s="91" t="s">
        <v>146</v>
      </c>
      <c r="D163" s="92"/>
      <c r="E163" s="13"/>
      <c r="F163" s="53"/>
      <c r="G163" s="54"/>
    </row>
    <row r="164" spans="2:7" s="4" customFormat="1" ht="24.95" customHeight="1" x14ac:dyDescent="0.25">
      <c r="B164" s="49" t="s">
        <v>276</v>
      </c>
      <c r="C164" s="93" t="s">
        <v>277</v>
      </c>
      <c r="D164" s="94"/>
      <c r="E164" s="13"/>
      <c r="F164" s="53"/>
      <c r="G164" s="54"/>
    </row>
    <row r="165" spans="2:7" s="4" customFormat="1" ht="30" customHeight="1" x14ac:dyDescent="0.25">
      <c r="B165" s="49" t="s">
        <v>278</v>
      </c>
      <c r="C165" s="48" t="s">
        <v>150</v>
      </c>
      <c r="D165" s="66" t="s">
        <v>261</v>
      </c>
      <c r="E165" s="13"/>
      <c r="F165" s="53"/>
      <c r="G165" s="54"/>
    </row>
    <row r="166" spans="2:7" s="4" customFormat="1" ht="24.95" customHeight="1" x14ac:dyDescent="0.25">
      <c r="B166" s="49" t="s">
        <v>279</v>
      </c>
      <c r="C166" s="48" t="s">
        <v>280</v>
      </c>
      <c r="D166" s="66" t="s">
        <v>262</v>
      </c>
      <c r="E166" s="13"/>
      <c r="F166" s="53"/>
      <c r="G166" s="54"/>
    </row>
    <row r="167" spans="2:7" s="4" customFormat="1" ht="30" customHeight="1" x14ac:dyDescent="0.25">
      <c r="B167" s="49" t="s">
        <v>281</v>
      </c>
      <c r="C167" s="48" t="s">
        <v>154</v>
      </c>
      <c r="D167" s="66" t="s">
        <v>263</v>
      </c>
      <c r="E167" s="13"/>
      <c r="F167" s="53"/>
      <c r="G167" s="54"/>
    </row>
    <row r="168" spans="2:7" s="4" customFormat="1" ht="24.95" customHeight="1" x14ac:dyDescent="0.25">
      <c r="B168" s="49" t="s">
        <v>282</v>
      </c>
      <c r="C168" s="93" t="s">
        <v>156</v>
      </c>
      <c r="D168" s="94"/>
      <c r="E168" s="13"/>
      <c r="F168" s="53"/>
      <c r="G168" s="54"/>
    </row>
    <row r="169" spans="2:7" s="4" customFormat="1" ht="30" customHeight="1" x14ac:dyDescent="0.25">
      <c r="B169" s="49" t="s">
        <v>283</v>
      </c>
      <c r="C169" s="48" t="s">
        <v>158</v>
      </c>
      <c r="D169" s="66" t="s">
        <v>264</v>
      </c>
      <c r="E169" s="13"/>
      <c r="F169" s="53"/>
      <c r="G169" s="54"/>
    </row>
    <row r="170" spans="2:7" s="4" customFormat="1" ht="24.95" customHeight="1" x14ac:dyDescent="0.25">
      <c r="B170" s="49" t="s">
        <v>284</v>
      </c>
      <c r="C170" s="48" t="s">
        <v>160</v>
      </c>
      <c r="D170" s="66" t="s">
        <v>262</v>
      </c>
      <c r="E170" s="13"/>
      <c r="F170" s="53"/>
      <c r="G170" s="54"/>
    </row>
    <row r="171" spans="2:7" s="4" customFormat="1" ht="30" customHeight="1" x14ac:dyDescent="0.25">
      <c r="B171" s="49" t="s">
        <v>285</v>
      </c>
      <c r="C171" s="48" t="s">
        <v>162</v>
      </c>
      <c r="D171" s="66" t="s">
        <v>265</v>
      </c>
      <c r="E171" s="13"/>
      <c r="F171" s="53"/>
      <c r="G171" s="54"/>
    </row>
    <row r="172" spans="2:7" s="4" customFormat="1" ht="24.95" customHeight="1" x14ac:dyDescent="0.25">
      <c r="B172" s="49" t="s">
        <v>286</v>
      </c>
      <c r="C172" s="93" t="s">
        <v>287</v>
      </c>
      <c r="D172" s="94"/>
      <c r="E172" s="13"/>
      <c r="F172" s="53"/>
      <c r="G172" s="54"/>
    </row>
    <row r="173" spans="2:7" s="4" customFormat="1" ht="24.95" customHeight="1" x14ac:dyDescent="0.25">
      <c r="B173" s="49" t="s">
        <v>288</v>
      </c>
      <c r="C173" s="48" t="s">
        <v>289</v>
      </c>
      <c r="D173" s="66" t="s">
        <v>323</v>
      </c>
      <c r="E173" s="13"/>
      <c r="F173" s="53"/>
      <c r="G173" s="54"/>
    </row>
    <row r="174" spans="2:7" s="4" customFormat="1" ht="24.95" customHeight="1" x14ac:dyDescent="0.25">
      <c r="B174" s="49" t="s">
        <v>290</v>
      </c>
      <c r="C174" s="48" t="s">
        <v>291</v>
      </c>
      <c r="D174" s="66" t="s">
        <v>324</v>
      </c>
      <c r="E174" s="13"/>
      <c r="F174" s="53"/>
      <c r="G174" s="54"/>
    </row>
    <row r="175" spans="2:7" s="4" customFormat="1" ht="30" customHeight="1" x14ac:dyDescent="0.25">
      <c r="B175" s="49" t="s">
        <v>292</v>
      </c>
      <c r="C175" s="79" t="s">
        <v>293</v>
      </c>
      <c r="D175" s="80"/>
      <c r="E175" s="13"/>
      <c r="F175" s="53"/>
      <c r="G175" s="54"/>
    </row>
    <row r="176" spans="2:7" s="4" customFormat="1" ht="24.95" customHeight="1" x14ac:dyDescent="0.25">
      <c r="B176" s="49" t="s">
        <v>99</v>
      </c>
      <c r="C176" s="91" t="s">
        <v>187</v>
      </c>
      <c r="D176" s="92"/>
      <c r="E176" s="13"/>
      <c r="F176" s="53"/>
      <c r="G176" s="54"/>
    </row>
    <row r="177" spans="2:7" s="4" customFormat="1" ht="30" customHeight="1" x14ac:dyDescent="0.25">
      <c r="B177" s="49" t="s">
        <v>147</v>
      </c>
      <c r="C177" s="79" t="s">
        <v>189</v>
      </c>
      <c r="D177" s="80"/>
      <c r="E177" s="13"/>
      <c r="F177" s="53"/>
      <c r="G177" s="54"/>
    </row>
    <row r="178" spans="2:7" s="4" customFormat="1" ht="24.95" customHeight="1" x14ac:dyDescent="0.25">
      <c r="B178" s="49" t="s">
        <v>155</v>
      </c>
      <c r="C178" s="79" t="s">
        <v>191</v>
      </c>
      <c r="D178" s="80"/>
      <c r="E178" s="13"/>
      <c r="F178" s="53"/>
      <c r="G178" s="54"/>
    </row>
    <row r="179" spans="2:7" s="4" customFormat="1" ht="48" customHeight="1" x14ac:dyDescent="0.25">
      <c r="B179" s="49" t="s">
        <v>163</v>
      </c>
      <c r="C179" s="79" t="s">
        <v>193</v>
      </c>
      <c r="D179" s="80"/>
      <c r="E179" s="13"/>
      <c r="F179" s="53"/>
      <c r="G179" s="54"/>
    </row>
    <row r="180" spans="2:7" s="4" customFormat="1" ht="24.95" customHeight="1" x14ac:dyDescent="0.25">
      <c r="B180" s="49" t="s">
        <v>294</v>
      </c>
      <c r="C180" s="79" t="s">
        <v>195</v>
      </c>
      <c r="D180" s="80"/>
      <c r="E180" s="13"/>
      <c r="F180" s="53"/>
      <c r="G180" s="54"/>
    </row>
    <row r="181" spans="2:7" s="4" customFormat="1" ht="30" customHeight="1" x14ac:dyDescent="0.25">
      <c r="B181" s="49" t="s">
        <v>295</v>
      </c>
      <c r="C181" s="79" t="s">
        <v>197</v>
      </c>
      <c r="D181" s="80"/>
      <c r="E181" s="13"/>
      <c r="F181" s="53"/>
      <c r="G181" s="54"/>
    </row>
    <row r="182" spans="2:7" s="4" customFormat="1" ht="30" customHeight="1" x14ac:dyDescent="0.25">
      <c r="B182" s="49" t="s">
        <v>296</v>
      </c>
      <c r="C182" s="79" t="s">
        <v>199</v>
      </c>
      <c r="D182" s="80"/>
      <c r="E182" s="13"/>
      <c r="F182" s="53"/>
      <c r="G182" s="54"/>
    </row>
    <row r="183" spans="2:7" s="4" customFormat="1" ht="24.95" customHeight="1" x14ac:dyDescent="0.25">
      <c r="B183" s="49" t="s">
        <v>297</v>
      </c>
      <c r="C183" s="79" t="s">
        <v>201</v>
      </c>
      <c r="D183" s="80"/>
      <c r="E183" s="13"/>
      <c r="F183" s="53"/>
      <c r="G183" s="54"/>
    </row>
    <row r="184" spans="2:7" s="4" customFormat="1" ht="30" customHeight="1" x14ac:dyDescent="0.25">
      <c r="B184" s="49" t="s">
        <v>298</v>
      </c>
      <c r="C184" s="79" t="s">
        <v>203</v>
      </c>
      <c r="D184" s="80"/>
      <c r="E184" s="13"/>
      <c r="F184" s="53"/>
      <c r="G184" s="54"/>
    </row>
    <row r="185" spans="2:7" s="4" customFormat="1" ht="30" customHeight="1" x14ac:dyDescent="0.25">
      <c r="B185" s="49" t="s">
        <v>299</v>
      </c>
      <c r="C185" s="79" t="s">
        <v>205</v>
      </c>
      <c r="D185" s="80"/>
      <c r="E185" s="13"/>
      <c r="F185" s="53"/>
      <c r="G185" s="54"/>
    </row>
    <row r="186" spans="2:7" s="4" customFormat="1" ht="30" customHeight="1" x14ac:dyDescent="0.25">
      <c r="B186" s="49" t="s">
        <v>300</v>
      </c>
      <c r="C186" s="79" t="s">
        <v>207</v>
      </c>
      <c r="D186" s="80"/>
      <c r="E186" s="13"/>
      <c r="F186" s="53"/>
      <c r="G186" s="54"/>
    </row>
    <row r="187" spans="2:7" s="4" customFormat="1" ht="30" customHeight="1" x14ac:dyDescent="0.25">
      <c r="B187" s="49" t="s">
        <v>301</v>
      </c>
      <c r="C187" s="79" t="s">
        <v>209</v>
      </c>
      <c r="D187" s="80"/>
      <c r="E187" s="13"/>
      <c r="F187" s="53"/>
      <c r="G187" s="54"/>
    </row>
    <row r="188" spans="2:7" s="4" customFormat="1" ht="24.95" customHeight="1" x14ac:dyDescent="0.25">
      <c r="B188" s="49" t="s">
        <v>302</v>
      </c>
      <c r="C188" s="79" t="s">
        <v>211</v>
      </c>
      <c r="D188" s="80"/>
      <c r="E188" s="13"/>
      <c r="F188" s="53"/>
      <c r="G188" s="54"/>
    </row>
    <row r="189" spans="2:7" s="4" customFormat="1" ht="30" customHeight="1" x14ac:dyDescent="0.25">
      <c r="B189" s="49" t="s">
        <v>303</v>
      </c>
      <c r="C189" s="79" t="s">
        <v>213</v>
      </c>
      <c r="D189" s="80"/>
      <c r="E189" s="13"/>
      <c r="F189" s="53"/>
      <c r="G189" s="54"/>
    </row>
    <row r="190" spans="2:7" s="4" customFormat="1" ht="59.25" customHeight="1" x14ac:dyDescent="0.25">
      <c r="B190" s="49" t="s">
        <v>304</v>
      </c>
      <c r="C190" s="79" t="s">
        <v>215</v>
      </c>
      <c r="D190" s="80"/>
      <c r="E190" s="13"/>
      <c r="F190" s="53"/>
      <c r="G190" s="54"/>
    </row>
    <row r="191" spans="2:7" s="4" customFormat="1" ht="30" customHeight="1" x14ac:dyDescent="0.25">
      <c r="B191" s="49" t="s">
        <v>305</v>
      </c>
      <c r="C191" s="79" t="s">
        <v>217</v>
      </c>
      <c r="D191" s="80"/>
      <c r="E191" s="13"/>
      <c r="F191" s="53"/>
      <c r="G191" s="54"/>
    </row>
    <row r="192" spans="2:7" s="4" customFormat="1" ht="30" customHeight="1" x14ac:dyDescent="0.25">
      <c r="B192" s="49" t="s">
        <v>306</v>
      </c>
      <c r="C192" s="79" t="s">
        <v>219</v>
      </c>
      <c r="D192" s="80"/>
      <c r="E192" s="13"/>
      <c r="F192" s="53"/>
      <c r="G192" s="54"/>
    </row>
    <row r="193" spans="2:7" s="4" customFormat="1" ht="24.95" customHeight="1" x14ac:dyDescent="0.25">
      <c r="B193" s="49" t="s">
        <v>307</v>
      </c>
      <c r="C193" s="79" t="s">
        <v>221</v>
      </c>
      <c r="D193" s="80"/>
      <c r="E193" s="13"/>
      <c r="F193" s="53"/>
      <c r="G193" s="54"/>
    </row>
    <row r="194" spans="2:7" s="4" customFormat="1" ht="30" customHeight="1" x14ac:dyDescent="0.25">
      <c r="B194" s="49" t="s">
        <v>308</v>
      </c>
      <c r="C194" s="79" t="s">
        <v>223</v>
      </c>
      <c r="D194" s="80"/>
      <c r="E194" s="13"/>
      <c r="F194" s="53"/>
      <c r="G194" s="54"/>
    </row>
    <row r="195" spans="2:7" s="4" customFormat="1" ht="88.5" customHeight="1" x14ac:dyDescent="0.25">
      <c r="B195" s="49" t="s">
        <v>309</v>
      </c>
      <c r="C195" s="79" t="s">
        <v>225</v>
      </c>
      <c r="D195" s="80"/>
      <c r="E195" s="13"/>
      <c r="F195" s="53"/>
      <c r="G195" s="54"/>
    </row>
    <row r="196" spans="2:7" s="4" customFormat="1" ht="48.75" customHeight="1" x14ac:dyDescent="0.25">
      <c r="B196" s="49" t="s">
        <v>310</v>
      </c>
      <c r="C196" s="79" t="s">
        <v>227</v>
      </c>
      <c r="D196" s="80"/>
      <c r="E196" s="13"/>
      <c r="F196" s="53"/>
      <c r="G196" s="54"/>
    </row>
    <row r="197" spans="2:7" s="4" customFormat="1" ht="24.95" customHeight="1" x14ac:dyDescent="0.25">
      <c r="B197" s="49" t="s">
        <v>311</v>
      </c>
      <c r="C197" s="79" t="s">
        <v>229</v>
      </c>
      <c r="D197" s="80"/>
      <c r="E197" s="13"/>
      <c r="F197" s="53"/>
      <c r="G197" s="54"/>
    </row>
    <row r="198" spans="2:7" s="4" customFormat="1" ht="30" customHeight="1" x14ac:dyDescent="0.25">
      <c r="B198" s="49" t="s">
        <v>312</v>
      </c>
      <c r="C198" s="79" t="s">
        <v>231</v>
      </c>
      <c r="D198" s="80"/>
      <c r="E198" s="13"/>
      <c r="F198" s="53"/>
      <c r="G198" s="54"/>
    </row>
    <row r="199" spans="2:7" s="4" customFormat="1" ht="24.95" customHeight="1" x14ac:dyDescent="0.25">
      <c r="B199" s="49" t="s">
        <v>313</v>
      </c>
      <c r="C199" s="79" t="s">
        <v>233</v>
      </c>
      <c r="D199" s="80"/>
      <c r="E199" s="13"/>
      <c r="F199" s="53"/>
      <c r="G199" s="54"/>
    </row>
    <row r="200" spans="2:7" s="4" customFormat="1" ht="30" customHeight="1" x14ac:dyDescent="0.25">
      <c r="B200" s="49" t="s">
        <v>314</v>
      </c>
      <c r="C200" s="79" t="s">
        <v>235</v>
      </c>
      <c r="D200" s="80"/>
      <c r="E200" s="13"/>
      <c r="F200" s="53"/>
      <c r="G200" s="54"/>
    </row>
    <row r="201" spans="2:7" s="4" customFormat="1" ht="24.95" customHeight="1" x14ac:dyDescent="0.25">
      <c r="B201" s="49" t="s">
        <v>94</v>
      </c>
      <c r="C201" s="91" t="s">
        <v>236</v>
      </c>
      <c r="D201" s="92"/>
      <c r="E201" s="13"/>
      <c r="F201" s="53"/>
      <c r="G201" s="54"/>
    </row>
    <row r="202" spans="2:7" s="4" customFormat="1" ht="30" customHeight="1" x14ac:dyDescent="0.25">
      <c r="B202" s="49" t="s">
        <v>171</v>
      </c>
      <c r="C202" s="79" t="s">
        <v>238</v>
      </c>
      <c r="D202" s="80"/>
      <c r="E202" s="13"/>
      <c r="F202" s="53"/>
      <c r="G202" s="54"/>
    </row>
    <row r="203" spans="2:7" s="4" customFormat="1" ht="24.95" customHeight="1" x14ac:dyDescent="0.25">
      <c r="B203" s="49" t="s">
        <v>179</v>
      </c>
      <c r="C203" s="79" t="s">
        <v>240</v>
      </c>
      <c r="D203" s="80"/>
      <c r="E203" s="13"/>
      <c r="F203" s="53"/>
      <c r="G203" s="54"/>
    </row>
    <row r="204" spans="2:7" s="4" customFormat="1" ht="24.95" customHeight="1" x14ac:dyDescent="0.25">
      <c r="B204" s="49" t="s">
        <v>315</v>
      </c>
      <c r="C204" s="79" t="s">
        <v>242</v>
      </c>
      <c r="D204" s="80"/>
      <c r="E204" s="13"/>
      <c r="F204" s="53"/>
      <c r="G204" s="54"/>
    </row>
    <row r="205" spans="2:7" s="4" customFormat="1" ht="45.75" customHeight="1" x14ac:dyDescent="0.25">
      <c r="B205" s="49" t="s">
        <v>316</v>
      </c>
      <c r="C205" s="79" t="s">
        <v>244</v>
      </c>
      <c r="D205" s="80"/>
      <c r="E205" s="13"/>
      <c r="F205" s="53"/>
      <c r="G205" s="54"/>
    </row>
    <row r="206" spans="2:7" s="4" customFormat="1" ht="24.95" customHeight="1" x14ac:dyDescent="0.25">
      <c r="B206" s="49" t="s">
        <v>317</v>
      </c>
      <c r="C206" s="79" t="s">
        <v>246</v>
      </c>
      <c r="D206" s="80"/>
      <c r="E206" s="13"/>
      <c r="F206" s="53"/>
      <c r="G206" s="54"/>
    </row>
    <row r="207" spans="2:7" s="4" customFormat="1" ht="24.95" customHeight="1" thickBot="1" x14ac:dyDescent="0.3">
      <c r="B207" s="49" t="s">
        <v>318</v>
      </c>
      <c r="C207" s="79" t="s">
        <v>248</v>
      </c>
      <c r="D207" s="80"/>
      <c r="E207" s="13"/>
      <c r="F207" s="89"/>
      <c r="G207" s="90"/>
    </row>
    <row r="208" spans="2:7" s="22" customFormat="1" ht="30.75" customHeight="1" x14ac:dyDescent="0.25">
      <c r="B208" s="83" t="s">
        <v>325</v>
      </c>
      <c r="C208" s="84"/>
      <c r="D208" s="84"/>
      <c r="E208" s="84"/>
      <c r="F208" s="84"/>
      <c r="G208" s="85"/>
    </row>
    <row r="209" spans="2:7" s="4" customFormat="1" ht="24.95" customHeight="1" x14ac:dyDescent="0.25">
      <c r="B209" s="86" t="s">
        <v>326</v>
      </c>
      <c r="C209" s="87"/>
      <c r="D209" s="88"/>
      <c r="E209" s="13"/>
      <c r="F209" s="89"/>
      <c r="G209" s="90"/>
    </row>
    <row r="210" spans="2:7" s="4" customFormat="1" ht="30" customHeight="1" x14ac:dyDescent="0.25">
      <c r="B210" s="49" t="s">
        <v>16</v>
      </c>
      <c r="C210" s="79" t="s">
        <v>327</v>
      </c>
      <c r="D210" s="80"/>
      <c r="E210" s="13"/>
      <c r="F210" s="89"/>
      <c r="G210" s="90"/>
    </row>
    <row r="211" spans="2:7" s="4" customFormat="1" ht="35.1" customHeight="1" x14ac:dyDescent="0.25">
      <c r="B211" s="49" t="s">
        <v>328</v>
      </c>
      <c r="C211" s="79" t="s">
        <v>329</v>
      </c>
      <c r="D211" s="80"/>
      <c r="E211" s="13"/>
      <c r="F211" s="89"/>
      <c r="G211" s="90"/>
    </row>
    <row r="212" spans="2:7" s="4" customFormat="1" ht="42" customHeight="1" x14ac:dyDescent="0.25">
      <c r="B212" s="49" t="s">
        <v>330</v>
      </c>
      <c r="C212" s="79" t="s">
        <v>331</v>
      </c>
      <c r="D212" s="80"/>
      <c r="E212" s="13"/>
      <c r="F212" s="89"/>
      <c r="G212" s="90"/>
    </row>
    <row r="213" spans="2:7" s="4" customFormat="1" ht="24.95" customHeight="1" x14ac:dyDescent="0.25">
      <c r="B213" s="49" t="s">
        <v>58</v>
      </c>
      <c r="C213" s="79" t="s">
        <v>332</v>
      </c>
      <c r="D213" s="80"/>
      <c r="E213" s="13"/>
      <c r="F213" s="53"/>
      <c r="G213" s="54"/>
    </row>
    <row r="214" spans="2:7" s="4" customFormat="1" ht="24.95" customHeight="1" x14ac:dyDescent="0.25">
      <c r="B214" s="49" t="s">
        <v>59</v>
      </c>
      <c r="C214" s="79" t="s">
        <v>333</v>
      </c>
      <c r="D214" s="80"/>
      <c r="E214" s="13"/>
      <c r="F214" s="53"/>
      <c r="G214" s="54"/>
    </row>
    <row r="215" spans="2:7" s="4" customFormat="1" ht="24.95" customHeight="1" x14ac:dyDescent="0.25">
      <c r="B215" s="49" t="s">
        <v>60</v>
      </c>
      <c r="C215" s="79" t="s">
        <v>334</v>
      </c>
      <c r="D215" s="80"/>
      <c r="E215" s="13"/>
      <c r="F215" s="53"/>
      <c r="G215" s="54"/>
    </row>
    <row r="216" spans="2:7" s="4" customFormat="1" ht="24.95" customHeight="1" x14ac:dyDescent="0.25">
      <c r="B216" s="49" t="s">
        <v>61</v>
      </c>
      <c r="C216" s="79" t="s">
        <v>335</v>
      </c>
      <c r="D216" s="80"/>
      <c r="E216" s="13"/>
      <c r="F216" s="53"/>
      <c r="G216" s="54"/>
    </row>
    <row r="217" spans="2:7" s="4" customFormat="1" ht="60.75" customHeight="1" x14ac:dyDescent="0.25">
      <c r="B217" s="49" t="s">
        <v>336</v>
      </c>
      <c r="C217" s="79" t="s">
        <v>337</v>
      </c>
      <c r="D217" s="80"/>
      <c r="E217" s="13"/>
      <c r="F217" s="53"/>
      <c r="G217" s="54"/>
    </row>
    <row r="218" spans="2:7" s="4" customFormat="1" ht="44.25" customHeight="1" x14ac:dyDescent="0.25">
      <c r="B218" s="49" t="s">
        <v>338</v>
      </c>
      <c r="C218" s="79" t="s">
        <v>331</v>
      </c>
      <c r="D218" s="80"/>
      <c r="E218" s="13"/>
      <c r="F218" s="53"/>
      <c r="G218" s="54"/>
    </row>
    <row r="219" spans="2:7" s="4" customFormat="1" ht="35.1" customHeight="1" x14ac:dyDescent="0.25">
      <c r="B219" s="49" t="s">
        <v>62</v>
      </c>
      <c r="C219" s="79" t="s">
        <v>339</v>
      </c>
      <c r="D219" s="80"/>
      <c r="E219" s="13"/>
      <c r="F219" s="53"/>
      <c r="G219" s="54"/>
    </row>
    <row r="220" spans="2:7" s="4" customFormat="1" ht="24.95" customHeight="1" x14ac:dyDescent="0.25">
      <c r="B220" s="49" t="s">
        <v>70</v>
      </c>
      <c r="C220" s="79" t="s">
        <v>340</v>
      </c>
      <c r="D220" s="80"/>
      <c r="E220" s="13"/>
      <c r="F220" s="53"/>
      <c r="G220" s="54"/>
    </row>
    <row r="221" spans="2:7" s="4" customFormat="1" ht="24.95" customHeight="1" thickBot="1" x14ac:dyDescent="0.3">
      <c r="B221" s="49" t="s">
        <v>63</v>
      </c>
      <c r="C221" s="79" t="s">
        <v>341</v>
      </c>
      <c r="D221" s="80"/>
      <c r="E221" s="13"/>
      <c r="F221" s="53"/>
      <c r="G221" s="54"/>
    </row>
    <row r="222" spans="2:7" s="22" customFormat="1" ht="30.75" customHeight="1" x14ac:dyDescent="0.25">
      <c r="B222" s="83" t="s">
        <v>342</v>
      </c>
      <c r="C222" s="84"/>
      <c r="D222" s="84"/>
      <c r="E222" s="84"/>
      <c r="F222" s="84"/>
      <c r="G222" s="85"/>
    </row>
    <row r="223" spans="2:7" s="4" customFormat="1" ht="24.95" customHeight="1" x14ac:dyDescent="0.25">
      <c r="B223" s="86" t="s">
        <v>326</v>
      </c>
      <c r="C223" s="87"/>
      <c r="D223" s="88"/>
      <c r="E223" s="13"/>
      <c r="F223" s="89"/>
      <c r="G223" s="90"/>
    </row>
    <row r="224" spans="2:7" s="4" customFormat="1" ht="30" customHeight="1" x14ac:dyDescent="0.25">
      <c r="B224" s="49" t="s">
        <v>16</v>
      </c>
      <c r="C224" s="79" t="s">
        <v>327</v>
      </c>
      <c r="D224" s="80"/>
      <c r="E224" s="13"/>
      <c r="F224" s="89"/>
      <c r="G224" s="90"/>
    </row>
    <row r="225" spans="1:7" s="4" customFormat="1" ht="35.1" customHeight="1" x14ac:dyDescent="0.25">
      <c r="B225" s="49" t="s">
        <v>328</v>
      </c>
      <c r="C225" s="79" t="s">
        <v>329</v>
      </c>
      <c r="D225" s="80"/>
      <c r="E225" s="13"/>
      <c r="F225" s="89"/>
      <c r="G225" s="90"/>
    </row>
    <row r="226" spans="1:7" s="4" customFormat="1" ht="42" customHeight="1" x14ac:dyDescent="0.25">
      <c r="B226" s="49" t="s">
        <v>330</v>
      </c>
      <c r="C226" s="79" t="s">
        <v>331</v>
      </c>
      <c r="D226" s="80"/>
      <c r="E226" s="13"/>
      <c r="F226" s="89"/>
      <c r="G226" s="90"/>
    </row>
    <row r="227" spans="1:7" s="4" customFormat="1" ht="24.95" customHeight="1" x14ac:dyDescent="0.25">
      <c r="B227" s="49" t="s">
        <v>58</v>
      </c>
      <c r="C227" s="79" t="s">
        <v>332</v>
      </c>
      <c r="D227" s="80"/>
      <c r="E227" s="13"/>
      <c r="F227" s="53"/>
      <c r="G227" s="54"/>
    </row>
    <row r="228" spans="1:7" s="4" customFormat="1" ht="24.95" customHeight="1" x14ac:dyDescent="0.25">
      <c r="B228" s="49" t="s">
        <v>59</v>
      </c>
      <c r="C228" s="79" t="s">
        <v>333</v>
      </c>
      <c r="D228" s="80"/>
      <c r="E228" s="13"/>
      <c r="F228" s="53"/>
      <c r="G228" s="54"/>
    </row>
    <row r="229" spans="1:7" s="4" customFormat="1" ht="24.95" customHeight="1" x14ac:dyDescent="0.25">
      <c r="B229" s="49" t="s">
        <v>60</v>
      </c>
      <c r="C229" s="79" t="s">
        <v>334</v>
      </c>
      <c r="D229" s="80"/>
      <c r="E229" s="13"/>
      <c r="F229" s="53"/>
      <c r="G229" s="54"/>
    </row>
    <row r="230" spans="1:7" s="4" customFormat="1" ht="24.95" customHeight="1" x14ac:dyDescent="0.25">
      <c r="B230" s="49" t="s">
        <v>61</v>
      </c>
      <c r="C230" s="79" t="s">
        <v>335</v>
      </c>
      <c r="D230" s="80"/>
      <c r="E230" s="13"/>
      <c r="F230" s="53"/>
      <c r="G230" s="54"/>
    </row>
    <row r="231" spans="1:7" s="4" customFormat="1" ht="60.75" customHeight="1" x14ac:dyDescent="0.25">
      <c r="B231" s="49" t="s">
        <v>336</v>
      </c>
      <c r="C231" s="79" t="s">
        <v>337</v>
      </c>
      <c r="D231" s="80"/>
      <c r="E231" s="13"/>
      <c r="F231" s="53"/>
      <c r="G231" s="54"/>
    </row>
    <row r="232" spans="1:7" s="4" customFormat="1" ht="44.25" customHeight="1" x14ac:dyDescent="0.25">
      <c r="B232" s="49" t="s">
        <v>338</v>
      </c>
      <c r="C232" s="79" t="s">
        <v>331</v>
      </c>
      <c r="D232" s="80"/>
      <c r="E232" s="13"/>
      <c r="F232" s="53"/>
      <c r="G232" s="54"/>
    </row>
    <row r="233" spans="1:7" s="4" customFormat="1" ht="35.1" customHeight="1" x14ac:dyDescent="0.25">
      <c r="B233" s="49" t="s">
        <v>62</v>
      </c>
      <c r="C233" s="79" t="s">
        <v>339</v>
      </c>
      <c r="D233" s="80"/>
      <c r="E233" s="13"/>
      <c r="F233" s="53"/>
      <c r="G233" s="54"/>
    </row>
    <row r="234" spans="1:7" s="4" customFormat="1" ht="24.95" customHeight="1" x14ac:dyDescent="0.25">
      <c r="B234" s="49" t="s">
        <v>70</v>
      </c>
      <c r="C234" s="79" t="s">
        <v>340</v>
      </c>
      <c r="D234" s="80"/>
      <c r="E234" s="13"/>
      <c r="F234" s="53"/>
      <c r="G234" s="54"/>
    </row>
    <row r="235" spans="1:7" s="4" customFormat="1" ht="24.95" customHeight="1" thickBot="1" x14ac:dyDescent="0.3">
      <c r="B235" s="60" t="s">
        <v>63</v>
      </c>
      <c r="C235" s="81" t="s">
        <v>341</v>
      </c>
      <c r="D235" s="82"/>
      <c r="E235" s="43"/>
      <c r="F235" s="55"/>
      <c r="G235" s="56"/>
    </row>
    <row r="236" spans="1:7" s="3" customFormat="1" ht="5.0999999999999996" customHeight="1" x14ac:dyDescent="0.25">
      <c r="A236" s="5"/>
      <c r="B236" s="5"/>
      <c r="C236" s="5"/>
      <c r="D236" s="5"/>
      <c r="E236" s="7"/>
      <c r="F236" s="7"/>
      <c r="G236" s="23"/>
    </row>
    <row r="237" spans="1:7" s="2" customFormat="1" ht="20.100000000000001" customHeight="1" x14ac:dyDescent="0.25">
      <c r="B237" s="106" t="s">
        <v>48</v>
      </c>
      <c r="C237" s="106"/>
      <c r="D237" s="106"/>
      <c r="E237" s="106"/>
      <c r="F237" s="106"/>
      <c r="G237" s="106"/>
    </row>
    <row r="238" spans="1:7" s="2" customFormat="1" ht="5.0999999999999996" customHeight="1" thickBot="1" x14ac:dyDescent="0.3">
      <c r="B238" s="11"/>
      <c r="E238" s="6"/>
      <c r="F238" s="6"/>
      <c r="G238" s="6"/>
    </row>
    <row r="239" spans="1:7" s="3" customFormat="1" ht="69" customHeight="1" x14ac:dyDescent="0.25">
      <c r="B239" s="124" t="s">
        <v>8</v>
      </c>
      <c r="C239" s="125"/>
      <c r="D239" s="51"/>
      <c r="E239" s="107" t="s">
        <v>31</v>
      </c>
      <c r="F239" s="108"/>
      <c r="G239" s="109"/>
    </row>
    <row r="240" spans="1:7" s="3" customFormat="1" ht="30" customHeight="1" thickBot="1" x14ac:dyDescent="0.3">
      <c r="B240" s="126"/>
      <c r="C240" s="127"/>
      <c r="D240" s="52"/>
      <c r="E240" s="21" t="s">
        <v>7</v>
      </c>
      <c r="F240" s="110" t="s">
        <v>32</v>
      </c>
      <c r="G240" s="111"/>
    </row>
    <row r="241" spans="2:7" s="2" customFormat="1" ht="24.95" customHeight="1" x14ac:dyDescent="0.25">
      <c r="B241" s="44" t="s">
        <v>16</v>
      </c>
      <c r="C241" s="144" t="s">
        <v>343</v>
      </c>
      <c r="D241" s="145"/>
      <c r="E241" s="67"/>
      <c r="F241" s="114"/>
      <c r="G241" s="115"/>
    </row>
    <row r="242" spans="2:7" s="2" customFormat="1" ht="24.95" customHeight="1" x14ac:dyDescent="0.25">
      <c r="B242" s="68" t="s">
        <v>58</v>
      </c>
      <c r="C242" s="71" t="s">
        <v>344</v>
      </c>
      <c r="D242" s="72"/>
      <c r="E242" s="13"/>
      <c r="F242" s="116"/>
      <c r="G242" s="117"/>
    </row>
    <row r="243" spans="2:7" s="2" customFormat="1" ht="24.95" customHeight="1" x14ac:dyDescent="0.25">
      <c r="B243" s="69" t="s">
        <v>345</v>
      </c>
      <c r="C243" s="146" t="s">
        <v>436</v>
      </c>
      <c r="D243" s="147"/>
      <c r="E243" s="13"/>
      <c r="F243" s="100"/>
      <c r="G243" s="101"/>
    </row>
    <row r="244" spans="2:7" s="2" customFormat="1" ht="24.95" customHeight="1" x14ac:dyDescent="0.25">
      <c r="B244" s="69" t="s">
        <v>346</v>
      </c>
      <c r="C244" s="71" t="s">
        <v>347</v>
      </c>
      <c r="D244" s="72"/>
      <c r="E244" s="13"/>
      <c r="F244" s="100"/>
      <c r="G244" s="101"/>
    </row>
    <row r="245" spans="2:7" s="2" customFormat="1" ht="63.75" customHeight="1" x14ac:dyDescent="0.25">
      <c r="B245" s="69" t="s">
        <v>348</v>
      </c>
      <c r="C245" s="71" t="s">
        <v>349</v>
      </c>
      <c r="D245" s="72"/>
      <c r="E245" s="13"/>
      <c r="F245" s="100"/>
      <c r="G245" s="101"/>
    </row>
    <row r="246" spans="2:7" s="2" customFormat="1" ht="40.5" customHeight="1" x14ac:dyDescent="0.25">
      <c r="B246" s="69" t="s">
        <v>350</v>
      </c>
      <c r="C246" s="71" t="s">
        <v>351</v>
      </c>
      <c r="D246" s="72"/>
      <c r="E246" s="13"/>
      <c r="F246" s="100"/>
      <c r="G246" s="101"/>
    </row>
    <row r="247" spans="2:7" s="2" customFormat="1" ht="135" customHeight="1" x14ac:dyDescent="0.25">
      <c r="B247" s="69" t="s">
        <v>352</v>
      </c>
      <c r="C247" s="71" t="s">
        <v>353</v>
      </c>
      <c r="D247" s="72"/>
      <c r="E247" s="13"/>
      <c r="F247" s="100"/>
      <c r="G247" s="101"/>
    </row>
    <row r="248" spans="2:7" s="2" customFormat="1" ht="75.75" customHeight="1" x14ac:dyDescent="0.25">
      <c r="B248" s="42" t="s">
        <v>59</v>
      </c>
      <c r="C248" s="71" t="s">
        <v>354</v>
      </c>
      <c r="D248" s="72"/>
      <c r="E248" s="13"/>
      <c r="F248" s="100"/>
      <c r="G248" s="101"/>
    </row>
    <row r="249" spans="2:7" s="2" customFormat="1" ht="84.75" customHeight="1" x14ac:dyDescent="0.25">
      <c r="B249" s="68" t="s">
        <v>60</v>
      </c>
      <c r="C249" s="71" t="s">
        <v>355</v>
      </c>
      <c r="D249" s="72"/>
      <c r="E249" s="13"/>
      <c r="F249" s="100"/>
      <c r="G249" s="101"/>
    </row>
    <row r="250" spans="2:7" s="2" customFormat="1" ht="72" customHeight="1" x14ac:dyDescent="0.25">
      <c r="B250" s="42" t="s">
        <v>61</v>
      </c>
      <c r="C250" s="71" t="s">
        <v>356</v>
      </c>
      <c r="D250" s="72"/>
      <c r="E250" s="13"/>
      <c r="F250" s="100"/>
      <c r="G250" s="101"/>
    </row>
    <row r="251" spans="2:7" s="2" customFormat="1" ht="69" customHeight="1" x14ac:dyDescent="0.25">
      <c r="B251" s="42" t="s">
        <v>62</v>
      </c>
      <c r="C251" s="71" t="s">
        <v>357</v>
      </c>
      <c r="D251" s="72"/>
      <c r="E251" s="13"/>
      <c r="F251" s="100"/>
      <c r="G251" s="101"/>
    </row>
    <row r="252" spans="2:7" s="2" customFormat="1" ht="93.75" customHeight="1" x14ac:dyDescent="0.25">
      <c r="B252" s="42" t="s">
        <v>70</v>
      </c>
      <c r="C252" s="71" t="s">
        <v>358</v>
      </c>
      <c r="D252" s="72"/>
      <c r="E252" s="13"/>
      <c r="F252" s="100"/>
      <c r="G252" s="101"/>
    </row>
    <row r="253" spans="2:7" s="2" customFormat="1" ht="95.25" customHeight="1" x14ac:dyDescent="0.25">
      <c r="B253" s="42" t="s">
        <v>63</v>
      </c>
      <c r="C253" s="71" t="s">
        <v>359</v>
      </c>
      <c r="D253" s="72"/>
      <c r="E253" s="13"/>
      <c r="F253" s="100"/>
      <c r="G253" s="101"/>
    </row>
    <row r="254" spans="2:7" s="2" customFormat="1" ht="39.75" customHeight="1" x14ac:dyDescent="0.25">
      <c r="B254" s="70" t="s">
        <v>360</v>
      </c>
      <c r="C254" s="71" t="s">
        <v>361</v>
      </c>
      <c r="D254" s="72"/>
      <c r="E254" s="13"/>
      <c r="F254" s="100"/>
      <c r="G254" s="101"/>
    </row>
    <row r="255" spans="2:7" s="2" customFormat="1" ht="47.25" customHeight="1" x14ac:dyDescent="0.25">
      <c r="B255" s="70" t="s">
        <v>362</v>
      </c>
      <c r="C255" s="71" t="s">
        <v>363</v>
      </c>
      <c r="D255" s="72"/>
      <c r="E255" s="13"/>
      <c r="F255" s="100"/>
      <c r="G255" s="101"/>
    </row>
    <row r="256" spans="2:7" s="2" customFormat="1" ht="61.5" customHeight="1" x14ac:dyDescent="0.25">
      <c r="B256" s="70" t="s">
        <v>364</v>
      </c>
      <c r="C256" s="71" t="s">
        <v>365</v>
      </c>
      <c r="D256" s="72"/>
      <c r="E256" s="13"/>
      <c r="F256" s="100"/>
      <c r="G256" s="101"/>
    </row>
    <row r="257" spans="2:7" s="2" customFormat="1" ht="45" customHeight="1" x14ac:dyDescent="0.25">
      <c r="B257" s="70" t="s">
        <v>366</v>
      </c>
      <c r="C257" s="71" t="s">
        <v>367</v>
      </c>
      <c r="D257" s="72"/>
      <c r="E257" s="13"/>
      <c r="F257" s="100"/>
      <c r="G257" s="101"/>
    </row>
    <row r="258" spans="2:7" s="2" customFormat="1" ht="29.25" customHeight="1" x14ac:dyDescent="0.25">
      <c r="B258" s="70" t="s">
        <v>368</v>
      </c>
      <c r="C258" s="71" t="s">
        <v>369</v>
      </c>
      <c r="D258" s="72"/>
      <c r="E258" s="13"/>
      <c r="F258" s="100"/>
      <c r="G258" s="101"/>
    </row>
    <row r="259" spans="2:7" s="2" customFormat="1" ht="62.25" customHeight="1" x14ac:dyDescent="0.25">
      <c r="B259" s="70" t="s">
        <v>370</v>
      </c>
      <c r="C259" s="71" t="s">
        <v>371</v>
      </c>
      <c r="D259" s="72"/>
      <c r="E259" s="13"/>
      <c r="F259" s="100"/>
      <c r="G259" s="101"/>
    </row>
    <row r="260" spans="2:7" s="2" customFormat="1" ht="33" customHeight="1" x14ac:dyDescent="0.25">
      <c r="B260" s="70" t="s">
        <v>372</v>
      </c>
      <c r="C260" s="71" t="s">
        <v>373</v>
      </c>
      <c r="D260" s="72"/>
      <c r="E260" s="13"/>
      <c r="F260" s="100"/>
      <c r="G260" s="101"/>
    </row>
    <row r="261" spans="2:7" s="2" customFormat="1" ht="32.25" customHeight="1" x14ac:dyDescent="0.25">
      <c r="B261" s="70" t="s">
        <v>374</v>
      </c>
      <c r="C261" s="71" t="s">
        <v>375</v>
      </c>
      <c r="D261" s="72"/>
      <c r="E261" s="13"/>
      <c r="F261" s="100"/>
      <c r="G261" s="101"/>
    </row>
    <row r="262" spans="2:7" s="2" customFormat="1" ht="48.75" customHeight="1" x14ac:dyDescent="0.25">
      <c r="B262" s="70" t="s">
        <v>376</v>
      </c>
      <c r="C262" s="71" t="s">
        <v>377</v>
      </c>
      <c r="D262" s="72"/>
      <c r="E262" s="13"/>
      <c r="F262" s="100"/>
      <c r="G262" s="101"/>
    </row>
    <row r="263" spans="2:7" s="2" customFormat="1" ht="62.25" customHeight="1" x14ac:dyDescent="0.25">
      <c r="B263" s="70" t="s">
        <v>378</v>
      </c>
      <c r="C263" s="71" t="s">
        <v>379</v>
      </c>
      <c r="D263" s="72"/>
      <c r="E263" s="13"/>
      <c r="F263" s="100"/>
      <c r="G263" s="101"/>
    </row>
    <row r="264" spans="2:7" s="2" customFormat="1" ht="67.5" customHeight="1" x14ac:dyDescent="0.25">
      <c r="B264" s="68" t="s">
        <v>64</v>
      </c>
      <c r="C264" s="71" t="s">
        <v>380</v>
      </c>
      <c r="D264" s="72"/>
      <c r="E264" s="13"/>
      <c r="F264" s="100"/>
      <c r="G264" s="101"/>
    </row>
    <row r="265" spans="2:7" s="2" customFormat="1" ht="33" customHeight="1" x14ac:dyDescent="0.25">
      <c r="B265" s="42" t="s">
        <v>65</v>
      </c>
      <c r="C265" s="71" t="s">
        <v>381</v>
      </c>
      <c r="D265" s="72"/>
      <c r="E265" s="13"/>
      <c r="F265" s="100"/>
      <c r="G265" s="101"/>
    </row>
    <row r="266" spans="2:7" s="2" customFormat="1" ht="36.75" customHeight="1" x14ac:dyDescent="0.25">
      <c r="B266" s="70" t="s">
        <v>382</v>
      </c>
      <c r="C266" s="71" t="s">
        <v>383</v>
      </c>
      <c r="D266" s="72"/>
      <c r="E266" s="13"/>
      <c r="F266" s="100"/>
      <c r="G266" s="101"/>
    </row>
    <row r="267" spans="2:7" s="2" customFormat="1" ht="60" customHeight="1" x14ac:dyDescent="0.25">
      <c r="B267" s="70" t="s">
        <v>384</v>
      </c>
      <c r="C267" s="71" t="s">
        <v>385</v>
      </c>
      <c r="D267" s="72"/>
      <c r="E267" s="13"/>
      <c r="F267" s="100"/>
      <c r="G267" s="101"/>
    </row>
    <row r="268" spans="2:7" s="2" customFormat="1" ht="72" customHeight="1" x14ac:dyDescent="0.25">
      <c r="B268" s="42" t="s">
        <v>66</v>
      </c>
      <c r="C268" s="71" t="s">
        <v>386</v>
      </c>
      <c r="D268" s="72"/>
      <c r="E268" s="13"/>
      <c r="F268" s="100"/>
      <c r="G268" s="101"/>
    </row>
    <row r="269" spans="2:7" s="2" customFormat="1" ht="63" customHeight="1" x14ac:dyDescent="0.25">
      <c r="B269" s="70" t="s">
        <v>387</v>
      </c>
      <c r="C269" s="71" t="s">
        <v>388</v>
      </c>
      <c r="D269" s="72"/>
      <c r="E269" s="13"/>
      <c r="F269" s="100"/>
      <c r="G269" s="101"/>
    </row>
    <row r="270" spans="2:7" s="2" customFormat="1" ht="45" customHeight="1" x14ac:dyDescent="0.25">
      <c r="B270" s="70" t="s">
        <v>389</v>
      </c>
      <c r="C270" s="71" t="s">
        <v>390</v>
      </c>
      <c r="D270" s="72"/>
      <c r="E270" s="13"/>
      <c r="F270" s="100"/>
      <c r="G270" s="101"/>
    </row>
    <row r="271" spans="2:7" s="2" customFormat="1" ht="124.5" customHeight="1" x14ac:dyDescent="0.25">
      <c r="B271" s="42" t="s">
        <v>71</v>
      </c>
      <c r="C271" s="71" t="s">
        <v>391</v>
      </c>
      <c r="D271" s="72"/>
      <c r="E271" s="13"/>
      <c r="F271" s="100"/>
      <c r="G271" s="101"/>
    </row>
    <row r="272" spans="2:7" s="2" customFormat="1" ht="74.25" customHeight="1" x14ac:dyDescent="0.25">
      <c r="B272" s="42" t="s">
        <v>72</v>
      </c>
      <c r="C272" s="71" t="s">
        <v>392</v>
      </c>
      <c r="D272" s="72"/>
      <c r="E272" s="13"/>
      <c r="F272" s="100"/>
      <c r="G272" s="101"/>
    </row>
    <row r="273" spans="2:7" s="2" customFormat="1" ht="42" customHeight="1" x14ac:dyDescent="0.25">
      <c r="B273" s="42" t="s">
        <v>67</v>
      </c>
      <c r="C273" s="71" t="s">
        <v>393</v>
      </c>
      <c r="D273" s="72"/>
      <c r="E273" s="13"/>
      <c r="F273" s="100"/>
      <c r="G273" s="101"/>
    </row>
    <row r="274" spans="2:7" s="2" customFormat="1" ht="70.5" customHeight="1" x14ac:dyDescent="0.25">
      <c r="B274" s="42" t="s">
        <v>73</v>
      </c>
      <c r="C274" s="71" t="s">
        <v>394</v>
      </c>
      <c r="D274" s="72"/>
      <c r="E274" s="13"/>
      <c r="F274" s="100"/>
      <c r="G274" s="101"/>
    </row>
    <row r="275" spans="2:7" s="2" customFormat="1" ht="68.25" customHeight="1" x14ac:dyDescent="0.25">
      <c r="B275" s="42" t="s">
        <v>97</v>
      </c>
      <c r="C275" s="71" t="s">
        <v>395</v>
      </c>
      <c r="D275" s="72"/>
      <c r="E275" s="13"/>
      <c r="F275" s="100"/>
      <c r="G275" s="101"/>
    </row>
    <row r="276" spans="2:7" s="2" customFormat="1" ht="40.5" customHeight="1" x14ac:dyDescent="0.25">
      <c r="B276" s="42" t="s">
        <v>74</v>
      </c>
      <c r="C276" s="71" t="s">
        <v>396</v>
      </c>
      <c r="D276" s="72"/>
      <c r="E276" s="13"/>
      <c r="F276" s="100"/>
      <c r="G276" s="101"/>
    </row>
    <row r="277" spans="2:7" s="2" customFormat="1" ht="40.5" customHeight="1" x14ac:dyDescent="0.25">
      <c r="B277" s="70" t="s">
        <v>397</v>
      </c>
      <c r="C277" s="71" t="s">
        <v>398</v>
      </c>
      <c r="D277" s="72"/>
      <c r="E277" s="13"/>
      <c r="F277" s="100"/>
      <c r="G277" s="101"/>
    </row>
    <row r="278" spans="2:7" s="2" customFormat="1" ht="64.5" customHeight="1" x14ac:dyDescent="0.25">
      <c r="B278" s="70" t="s">
        <v>399</v>
      </c>
      <c r="C278" s="71" t="s">
        <v>400</v>
      </c>
      <c r="D278" s="72"/>
      <c r="E278" s="13"/>
      <c r="F278" s="100"/>
      <c r="G278" s="101"/>
    </row>
    <row r="279" spans="2:7" s="2" customFormat="1" ht="62.25" customHeight="1" x14ac:dyDescent="0.25">
      <c r="B279" s="42" t="s">
        <v>75</v>
      </c>
      <c r="C279" s="71" t="s">
        <v>401</v>
      </c>
      <c r="D279" s="72"/>
      <c r="E279" s="13"/>
      <c r="F279" s="100"/>
      <c r="G279" s="101"/>
    </row>
    <row r="280" spans="2:7" s="2" customFormat="1" ht="56.25" customHeight="1" x14ac:dyDescent="0.25">
      <c r="B280" s="42" t="s">
        <v>76</v>
      </c>
      <c r="C280" s="71" t="s">
        <v>402</v>
      </c>
      <c r="D280" s="72"/>
      <c r="E280" s="13"/>
      <c r="F280" s="100"/>
      <c r="G280" s="101"/>
    </row>
    <row r="281" spans="2:7" s="2" customFormat="1" ht="24.95" customHeight="1" x14ac:dyDescent="0.25">
      <c r="B281" s="42" t="s">
        <v>77</v>
      </c>
      <c r="C281" s="71" t="s">
        <v>403</v>
      </c>
      <c r="D281" s="72"/>
      <c r="E281" s="13"/>
      <c r="F281" s="100"/>
      <c r="G281" s="101"/>
    </row>
    <row r="282" spans="2:7" s="2" customFormat="1" ht="48" customHeight="1" x14ac:dyDescent="0.25">
      <c r="B282" s="42" t="s">
        <v>98</v>
      </c>
      <c r="C282" s="71" t="s">
        <v>404</v>
      </c>
      <c r="D282" s="72"/>
      <c r="E282" s="13"/>
      <c r="F282" s="100"/>
      <c r="G282" s="101"/>
    </row>
    <row r="283" spans="2:7" s="2" customFormat="1" ht="62.25" customHeight="1" x14ac:dyDescent="0.25">
      <c r="B283" s="42" t="s">
        <v>78</v>
      </c>
      <c r="C283" s="71" t="s">
        <v>405</v>
      </c>
      <c r="D283" s="72"/>
      <c r="E283" s="13"/>
      <c r="F283" s="100"/>
      <c r="G283" s="101"/>
    </row>
    <row r="284" spans="2:7" s="2" customFormat="1" ht="87" customHeight="1" x14ac:dyDescent="0.25">
      <c r="B284" s="42" t="s">
        <v>79</v>
      </c>
      <c r="C284" s="71" t="s">
        <v>406</v>
      </c>
      <c r="D284" s="72"/>
      <c r="E284" s="13"/>
      <c r="F284" s="100"/>
      <c r="G284" s="101"/>
    </row>
    <row r="285" spans="2:7" s="2" customFormat="1" ht="44.25" customHeight="1" x14ac:dyDescent="0.25">
      <c r="B285" s="42" t="s">
        <v>80</v>
      </c>
      <c r="C285" s="71" t="s">
        <v>407</v>
      </c>
      <c r="D285" s="72"/>
      <c r="E285" s="13"/>
      <c r="F285" s="100"/>
      <c r="G285" s="101"/>
    </row>
    <row r="286" spans="2:7" s="2" customFormat="1" ht="54.75" customHeight="1" x14ac:dyDescent="0.25">
      <c r="B286" s="42" t="s">
        <v>81</v>
      </c>
      <c r="C286" s="71" t="s">
        <v>408</v>
      </c>
      <c r="D286" s="72"/>
      <c r="E286" s="13"/>
      <c r="F286" s="100"/>
      <c r="G286" s="101"/>
    </row>
    <row r="287" spans="2:7" s="2" customFormat="1" ht="61.5" customHeight="1" x14ac:dyDescent="0.25">
      <c r="B287" s="42" t="s">
        <v>87</v>
      </c>
      <c r="C287" s="71" t="s">
        <v>409</v>
      </c>
      <c r="D287" s="72"/>
      <c r="E287" s="13"/>
      <c r="F287" s="100"/>
      <c r="G287" s="101"/>
    </row>
    <row r="288" spans="2:7" s="2" customFormat="1" ht="24.95" customHeight="1" x14ac:dyDescent="0.25">
      <c r="B288" s="42" t="s">
        <v>88</v>
      </c>
      <c r="C288" s="71" t="s">
        <v>410</v>
      </c>
      <c r="D288" s="72"/>
      <c r="E288" s="13"/>
      <c r="F288" s="100"/>
      <c r="G288" s="101"/>
    </row>
    <row r="289" spans="2:7" s="2" customFormat="1" ht="85.5" customHeight="1" x14ac:dyDescent="0.25">
      <c r="B289" s="70" t="s">
        <v>411</v>
      </c>
      <c r="C289" s="71" t="s">
        <v>412</v>
      </c>
      <c r="D289" s="72"/>
      <c r="E289" s="13"/>
      <c r="F289" s="100"/>
      <c r="G289" s="101"/>
    </row>
    <row r="290" spans="2:7" s="2" customFormat="1" ht="50.25" customHeight="1" x14ac:dyDescent="0.25">
      <c r="B290" s="70" t="s">
        <v>413</v>
      </c>
      <c r="C290" s="71" t="s">
        <v>414</v>
      </c>
      <c r="D290" s="72"/>
      <c r="E290" s="13"/>
      <c r="F290" s="100"/>
      <c r="G290" s="101"/>
    </row>
    <row r="291" spans="2:7" s="2" customFormat="1" ht="50.25" customHeight="1" x14ac:dyDescent="0.25">
      <c r="B291" s="42" t="s">
        <v>89</v>
      </c>
      <c r="C291" s="71" t="s">
        <v>415</v>
      </c>
      <c r="D291" s="72"/>
      <c r="E291" s="13"/>
      <c r="F291" s="100"/>
      <c r="G291" s="101"/>
    </row>
    <row r="292" spans="2:7" s="2" customFormat="1" ht="43.5" customHeight="1" x14ac:dyDescent="0.25">
      <c r="B292" s="42" t="s">
        <v>90</v>
      </c>
      <c r="C292" s="71" t="s">
        <v>416</v>
      </c>
      <c r="D292" s="72"/>
      <c r="E292" s="13"/>
      <c r="F292" s="100"/>
      <c r="G292" s="101"/>
    </row>
    <row r="293" spans="2:7" s="2" customFormat="1" ht="83.25" customHeight="1" x14ac:dyDescent="0.25">
      <c r="B293" s="42" t="s">
        <v>91</v>
      </c>
      <c r="C293" s="71" t="s">
        <v>417</v>
      </c>
      <c r="D293" s="72"/>
      <c r="E293" s="13"/>
      <c r="F293" s="100"/>
      <c r="G293" s="101"/>
    </row>
    <row r="294" spans="2:7" s="2" customFormat="1" ht="118.5" customHeight="1" x14ac:dyDescent="0.25">
      <c r="B294" s="42" t="s">
        <v>92</v>
      </c>
      <c r="C294" s="71" t="s">
        <v>418</v>
      </c>
      <c r="D294" s="72"/>
      <c r="E294" s="13"/>
      <c r="F294" s="100"/>
      <c r="G294" s="101"/>
    </row>
    <row r="295" spans="2:7" s="2" customFormat="1" ht="61.5" customHeight="1" x14ac:dyDescent="0.25">
      <c r="B295" s="42" t="s">
        <v>93</v>
      </c>
      <c r="C295" s="71" t="s">
        <v>419</v>
      </c>
      <c r="D295" s="72"/>
      <c r="E295" s="13"/>
      <c r="F295" s="100"/>
      <c r="G295" s="101"/>
    </row>
    <row r="296" spans="2:7" s="2" customFormat="1" ht="83.25" customHeight="1" x14ac:dyDescent="0.25">
      <c r="B296" s="42" t="s">
        <v>99</v>
      </c>
      <c r="C296" s="71" t="s">
        <v>420</v>
      </c>
      <c r="D296" s="72"/>
      <c r="E296" s="13"/>
      <c r="F296" s="100"/>
      <c r="G296" s="101"/>
    </row>
    <row r="297" spans="2:7" s="2" customFormat="1" ht="54" customHeight="1" x14ac:dyDescent="0.25">
      <c r="B297" s="42" t="s">
        <v>94</v>
      </c>
      <c r="C297" s="71" t="s">
        <v>421</v>
      </c>
      <c r="D297" s="72"/>
      <c r="E297" s="13"/>
      <c r="F297" s="100"/>
      <c r="G297" s="101"/>
    </row>
    <row r="298" spans="2:7" s="2" customFormat="1" ht="117.75" customHeight="1" x14ac:dyDescent="0.25">
      <c r="B298" s="42" t="s">
        <v>95</v>
      </c>
      <c r="C298" s="71" t="s">
        <v>422</v>
      </c>
      <c r="D298" s="72"/>
      <c r="E298" s="13"/>
      <c r="F298" s="100"/>
      <c r="G298" s="101"/>
    </row>
    <row r="299" spans="2:7" s="2" customFormat="1" ht="129.75" customHeight="1" x14ac:dyDescent="0.25">
      <c r="B299" s="42" t="s">
        <v>96</v>
      </c>
      <c r="C299" s="71" t="s">
        <v>423</v>
      </c>
      <c r="D299" s="72"/>
      <c r="E299" s="13"/>
      <c r="F299" s="100"/>
      <c r="G299" s="101"/>
    </row>
    <row r="300" spans="2:7" s="2" customFormat="1" ht="72.75" customHeight="1" x14ac:dyDescent="0.25">
      <c r="B300" s="42" t="s">
        <v>424</v>
      </c>
      <c r="C300" s="71" t="s">
        <v>425</v>
      </c>
      <c r="D300" s="72"/>
      <c r="E300" s="13"/>
      <c r="F300" s="100"/>
      <c r="G300" s="101"/>
    </row>
    <row r="301" spans="2:7" s="2" customFormat="1" ht="87" customHeight="1" x14ac:dyDescent="0.25">
      <c r="B301" s="42" t="s">
        <v>426</v>
      </c>
      <c r="C301" s="71" t="s">
        <v>427</v>
      </c>
      <c r="D301" s="72"/>
      <c r="E301" s="13"/>
      <c r="F301" s="100"/>
      <c r="G301" s="101"/>
    </row>
    <row r="302" spans="2:7" s="2" customFormat="1" ht="190.5" customHeight="1" x14ac:dyDescent="0.25">
      <c r="B302" s="42" t="s">
        <v>428</v>
      </c>
      <c r="C302" s="71" t="s">
        <v>429</v>
      </c>
      <c r="D302" s="72"/>
      <c r="E302" s="13"/>
      <c r="F302" s="100"/>
      <c r="G302" s="101"/>
    </row>
    <row r="303" spans="2:7" s="2" customFormat="1" ht="218.25" customHeight="1" x14ac:dyDescent="0.25">
      <c r="B303" s="42" t="s">
        <v>430</v>
      </c>
      <c r="C303" s="71" t="s">
        <v>431</v>
      </c>
      <c r="D303" s="72"/>
      <c r="E303" s="13"/>
      <c r="F303" s="100"/>
      <c r="G303" s="101"/>
    </row>
    <row r="304" spans="2:7" s="2" customFormat="1" ht="87" customHeight="1" x14ac:dyDescent="0.25">
      <c r="B304" s="42" t="s">
        <v>432</v>
      </c>
      <c r="C304" s="71" t="s">
        <v>433</v>
      </c>
      <c r="D304" s="72"/>
      <c r="E304" s="13"/>
      <c r="F304" s="100"/>
      <c r="G304" s="101"/>
    </row>
    <row r="305" spans="2:8" s="2" customFormat="1" ht="48" customHeight="1" thickBot="1" x14ac:dyDescent="0.3">
      <c r="B305" s="61" t="s">
        <v>434</v>
      </c>
      <c r="C305" s="148" t="s">
        <v>435</v>
      </c>
      <c r="D305" s="148"/>
      <c r="E305" s="43"/>
      <c r="F305" s="104"/>
      <c r="G305" s="105"/>
    </row>
    <row r="306" spans="2:8" s="3" customFormat="1" ht="5.0999999999999996" customHeight="1" x14ac:dyDescent="0.25">
      <c r="B306" s="5"/>
      <c r="C306" s="5"/>
      <c r="D306" s="5"/>
      <c r="E306" s="7"/>
      <c r="F306" s="7"/>
      <c r="G306" s="23"/>
      <c r="H306" s="2"/>
    </row>
    <row r="307" spans="2:8" s="2" customFormat="1" ht="20.100000000000001" customHeight="1" x14ac:dyDescent="0.25">
      <c r="B307" s="106" t="s">
        <v>54</v>
      </c>
      <c r="C307" s="106"/>
      <c r="D307" s="106"/>
      <c r="E307" s="106"/>
      <c r="F307" s="106"/>
      <c r="G307" s="106"/>
    </row>
    <row r="308" spans="2:8" s="2" customFormat="1" ht="4.5" customHeight="1" thickBot="1" x14ac:dyDescent="0.3"/>
    <row r="309" spans="2:8" s="2" customFormat="1" ht="80.25" customHeight="1" x14ac:dyDescent="0.25">
      <c r="B309" s="124" t="s">
        <v>55</v>
      </c>
      <c r="C309" s="125"/>
      <c r="D309" s="149"/>
      <c r="E309" s="107" t="s">
        <v>56</v>
      </c>
      <c r="F309" s="108"/>
      <c r="G309" s="109"/>
    </row>
    <row r="310" spans="2:8" s="3" customFormat="1" ht="29.25" customHeight="1" thickBot="1" x14ac:dyDescent="0.3">
      <c r="B310" s="126"/>
      <c r="C310" s="127"/>
      <c r="D310" s="150"/>
      <c r="E310" s="21" t="s">
        <v>7</v>
      </c>
      <c r="F310" s="110" t="s">
        <v>32</v>
      </c>
      <c r="G310" s="111"/>
      <c r="H310" s="2"/>
    </row>
    <row r="311" spans="2:8" s="3" customFormat="1" ht="27" customHeight="1" x14ac:dyDescent="0.25">
      <c r="B311" s="44" t="s">
        <v>16</v>
      </c>
      <c r="C311" s="73" t="s">
        <v>69</v>
      </c>
      <c r="D311" s="74"/>
      <c r="E311" s="45"/>
      <c r="F311" s="114"/>
      <c r="G311" s="115"/>
      <c r="H311" s="2"/>
    </row>
    <row r="312" spans="2:8" s="3" customFormat="1" ht="27" customHeight="1" x14ac:dyDescent="0.25">
      <c r="B312" s="42" t="s">
        <v>58</v>
      </c>
      <c r="C312" s="75" t="s">
        <v>57</v>
      </c>
      <c r="D312" s="76"/>
      <c r="E312" s="63"/>
      <c r="F312" s="112"/>
      <c r="G312" s="113"/>
      <c r="H312" s="2"/>
    </row>
    <row r="313" spans="2:8" s="3" customFormat="1" ht="27" customHeight="1" x14ac:dyDescent="0.25">
      <c r="B313" s="42" t="s">
        <v>59</v>
      </c>
      <c r="C313" s="75" t="s">
        <v>100</v>
      </c>
      <c r="D313" s="76"/>
      <c r="E313" s="63"/>
      <c r="F313" s="112"/>
      <c r="G313" s="113"/>
      <c r="H313" s="2"/>
    </row>
    <row r="314" spans="2:8" s="3" customFormat="1" ht="30.75" customHeight="1" thickBot="1" x14ac:dyDescent="0.3">
      <c r="B314" s="46" t="s">
        <v>60</v>
      </c>
      <c r="C314" s="77" t="s">
        <v>101</v>
      </c>
      <c r="D314" s="78"/>
      <c r="E314" s="47"/>
      <c r="F314" s="104"/>
      <c r="G314" s="105"/>
      <c r="H314" s="2"/>
    </row>
    <row r="315" spans="2:8" s="2" customFormat="1" ht="5.0999999999999996" customHeight="1" x14ac:dyDescent="0.25">
      <c r="B315" s="5"/>
      <c r="C315" s="5"/>
      <c r="D315" s="5"/>
      <c r="E315" s="7"/>
      <c r="F315" s="7"/>
      <c r="G315" s="23"/>
    </row>
    <row r="316" spans="2:8" s="2" customFormat="1" ht="20.100000000000001" customHeight="1" x14ac:dyDescent="0.25">
      <c r="B316" s="106" t="s">
        <v>15</v>
      </c>
      <c r="C316" s="106"/>
      <c r="D316" s="106"/>
      <c r="E316" s="106"/>
      <c r="F316" s="106"/>
      <c r="G316" s="106"/>
    </row>
    <row r="317" spans="2:8" s="3" customFormat="1" ht="30" customHeight="1" x14ac:dyDescent="0.25">
      <c r="B317" s="5" t="s">
        <v>17</v>
      </c>
      <c r="C317" s="134" t="s">
        <v>82</v>
      </c>
      <c r="D317" s="134"/>
      <c r="E317" s="134"/>
      <c r="F317" s="134"/>
      <c r="G317" s="134"/>
      <c r="H317" s="2"/>
    </row>
    <row r="318" spans="2:8" s="25" customFormat="1" ht="30" customHeight="1" x14ac:dyDescent="0.25">
      <c r="B318" s="5" t="s">
        <v>33</v>
      </c>
      <c r="C318" s="134" t="s">
        <v>34</v>
      </c>
      <c r="D318" s="134"/>
      <c r="E318" s="134"/>
      <c r="F318" s="134"/>
      <c r="G318" s="134"/>
      <c r="H318" s="2"/>
    </row>
    <row r="319" spans="2:8" s="25" customFormat="1" ht="30" customHeight="1" x14ac:dyDescent="0.25">
      <c r="B319" s="135" t="s">
        <v>35</v>
      </c>
      <c r="C319" s="135"/>
      <c r="D319" s="135"/>
      <c r="E319" s="135"/>
      <c r="F319" s="135"/>
      <c r="G319" s="3"/>
      <c r="H319" s="2"/>
    </row>
    <row r="320" spans="2:8" s="2" customFormat="1" ht="24.95" customHeight="1" x14ac:dyDescent="0.25">
      <c r="B320" s="24" t="s">
        <v>36</v>
      </c>
      <c r="C320" s="132"/>
      <c r="D320" s="132"/>
      <c r="E320" s="132"/>
      <c r="G320" s="25"/>
    </row>
    <row r="321" spans="2:8" s="2" customFormat="1" ht="24.95" customHeight="1" x14ac:dyDescent="0.25">
      <c r="B321" s="24" t="s">
        <v>37</v>
      </c>
      <c r="C321" s="132"/>
      <c r="D321" s="132"/>
      <c r="E321" s="132"/>
      <c r="G321" s="25"/>
    </row>
    <row r="322" spans="2:8" s="2" customFormat="1" ht="24.95" customHeight="1" x14ac:dyDescent="0.25">
      <c r="B322" s="24" t="s">
        <v>38</v>
      </c>
      <c r="C322" s="132"/>
      <c r="D322" s="132"/>
      <c r="E322" s="132"/>
      <c r="G322" s="25"/>
    </row>
    <row r="323" spans="2:8" s="3" customFormat="1" ht="24.95" customHeight="1" x14ac:dyDescent="0.25">
      <c r="B323" s="24" t="s">
        <v>39</v>
      </c>
      <c r="C323" s="132"/>
      <c r="D323" s="132"/>
      <c r="E323" s="132"/>
      <c r="F323" s="2"/>
      <c r="G323" s="26"/>
      <c r="H323" s="2"/>
    </row>
    <row r="324" spans="2:8" s="2" customFormat="1" ht="14.25" customHeight="1" x14ac:dyDescent="0.2">
      <c r="B324" s="9"/>
      <c r="C324" s="10"/>
      <c r="D324" s="10"/>
      <c r="E324" s="10"/>
      <c r="G324" s="27"/>
    </row>
    <row r="325" spans="2:8" s="3" customFormat="1" ht="15" customHeight="1" x14ac:dyDescent="0.25">
      <c r="B325" s="136" t="s">
        <v>40</v>
      </c>
      <c r="C325" s="136"/>
      <c r="D325" s="136"/>
      <c r="E325" s="136"/>
      <c r="F325" s="136"/>
      <c r="G325" s="136"/>
    </row>
    <row r="326" spans="2:8" s="2" customFormat="1" ht="36.75" customHeight="1" x14ac:dyDescent="0.25">
      <c r="B326" s="133" t="s">
        <v>51</v>
      </c>
      <c r="C326" s="133"/>
      <c r="D326" s="133"/>
      <c r="E326" s="133"/>
      <c r="F326" s="133"/>
      <c r="G326" s="133"/>
    </row>
    <row r="327" spans="2:8" s="2" customFormat="1" ht="20.100000000000001" customHeight="1" x14ac:dyDescent="0.2">
      <c r="B327" s="1"/>
      <c r="C327" s="1"/>
      <c r="D327" s="1"/>
      <c r="E327" s="8"/>
      <c r="F327" s="8"/>
    </row>
    <row r="328" spans="2:8" s="3" customFormat="1" ht="4.5" customHeight="1" x14ac:dyDescent="0.2">
      <c r="B328" s="1"/>
      <c r="C328" s="1"/>
      <c r="D328" s="1"/>
      <c r="E328" s="8"/>
      <c r="F328" s="8"/>
      <c r="G328" s="2"/>
    </row>
    <row r="329" spans="2:8" s="3" customFormat="1" ht="20.100000000000001" customHeight="1" x14ac:dyDescent="0.25">
      <c r="B329" s="28" t="s">
        <v>41</v>
      </c>
      <c r="C329" s="29"/>
      <c r="D329" s="1"/>
      <c r="E329" s="30" t="s">
        <v>42</v>
      </c>
      <c r="F329" s="130"/>
      <c r="G329" s="130"/>
    </row>
    <row r="330" spans="2:8" s="3" customFormat="1" ht="20.100000000000001" customHeight="1" x14ac:dyDescent="0.25">
      <c r="B330" s="29"/>
      <c r="C330" s="29"/>
      <c r="D330" s="1"/>
      <c r="E330" s="29"/>
      <c r="F330" s="31"/>
      <c r="G330" s="31"/>
    </row>
    <row r="331" spans="2:8" ht="20.100000000000001" customHeight="1" x14ac:dyDescent="0.2">
      <c r="B331" s="28" t="s">
        <v>43</v>
      </c>
      <c r="C331" s="29"/>
      <c r="E331" s="32" t="s">
        <v>44</v>
      </c>
      <c r="F331" s="131"/>
      <c r="G331" s="131"/>
    </row>
    <row r="332" spans="2:8" s="2" customFormat="1" ht="20.100000000000001" customHeight="1" x14ac:dyDescent="0.2">
      <c r="B332" s="1"/>
      <c r="C332" s="1"/>
      <c r="D332" s="1"/>
      <c r="E332" s="32" t="s">
        <v>45</v>
      </c>
      <c r="F332" s="132"/>
      <c r="G332" s="132"/>
    </row>
    <row r="333" spans="2:8" s="2" customFormat="1" ht="20.100000000000001" customHeight="1" x14ac:dyDescent="0.2">
      <c r="B333" s="1"/>
      <c r="C333" s="1"/>
      <c r="D333" s="1"/>
      <c r="E333" s="33" t="s">
        <v>46</v>
      </c>
      <c r="F333" s="1"/>
    </row>
    <row r="334" spans="2:8" s="2" customFormat="1" ht="37.5" customHeight="1" x14ac:dyDescent="0.25"/>
    <row r="335" spans="2:8" s="2" customFormat="1" ht="24" customHeight="1" x14ac:dyDescent="0.25"/>
    <row r="336" spans="2:8" s="2" customFormat="1" ht="24" customHeight="1" x14ac:dyDescent="0.25"/>
    <row r="337" spans="2:6" s="2" customFormat="1" ht="24" customHeight="1" x14ac:dyDescent="0.25"/>
    <row r="338" spans="2:6" s="2" customFormat="1" ht="20.100000000000001" customHeight="1" x14ac:dyDescent="0.25"/>
    <row r="339" spans="2:6" s="2" customFormat="1" ht="20.100000000000001" customHeight="1" x14ac:dyDescent="0.25"/>
    <row r="340" spans="2:6" s="2" customFormat="1" ht="50.1" customHeight="1" x14ac:dyDescent="0.25"/>
    <row r="341" spans="2:6" s="2" customFormat="1" ht="43.5" customHeight="1" x14ac:dyDescent="0.25"/>
    <row r="342" spans="2:6" ht="24.75" customHeight="1" x14ac:dyDescent="0.2">
      <c r="B342" s="2"/>
      <c r="C342" s="2"/>
      <c r="D342" s="2"/>
      <c r="E342" s="2"/>
      <c r="F342" s="2"/>
    </row>
    <row r="343" spans="2:6" x14ac:dyDescent="0.2">
      <c r="B343" s="2"/>
      <c r="C343" s="2"/>
      <c r="D343" s="2"/>
      <c r="E343" s="2"/>
      <c r="F343" s="2"/>
    </row>
    <row r="344" spans="2:6" ht="20.100000000000001" customHeight="1" x14ac:dyDescent="0.2"/>
    <row r="345" spans="2:6" ht="4.5" customHeight="1" x14ac:dyDescent="0.2"/>
    <row r="346" spans="2:6" ht="20.100000000000001" customHeight="1" x14ac:dyDescent="0.2"/>
    <row r="347" spans="2:6" ht="20.100000000000001" customHeight="1" x14ac:dyDescent="0.2"/>
    <row r="348" spans="2:6" ht="20.100000000000001" customHeight="1" x14ac:dyDescent="0.2"/>
  </sheetData>
  <mergeCells count="432">
    <mergeCell ref="F294:G294"/>
    <mergeCell ref="C290:D290"/>
    <mergeCell ref="C261:D261"/>
    <mergeCell ref="C262:D262"/>
    <mergeCell ref="C303:D303"/>
    <mergeCell ref="C304:D304"/>
    <mergeCell ref="C305:D305"/>
    <mergeCell ref="F303:G303"/>
    <mergeCell ref="F304:G304"/>
    <mergeCell ref="B309:D310"/>
    <mergeCell ref="F285:G285"/>
    <mergeCell ref="F286:G286"/>
    <mergeCell ref="F287:G287"/>
    <mergeCell ref="F301:G301"/>
    <mergeCell ref="F302:G302"/>
    <mergeCell ref="C302:D302"/>
    <mergeCell ref="F288:G288"/>
    <mergeCell ref="F289:G289"/>
    <mergeCell ref="F295:G295"/>
    <mergeCell ref="F296:G296"/>
    <mergeCell ref="F297:G297"/>
    <mergeCell ref="F298:G298"/>
    <mergeCell ref="F290:G290"/>
    <mergeCell ref="F291:G291"/>
    <mergeCell ref="F292:G292"/>
    <mergeCell ref="F293:G293"/>
    <mergeCell ref="C252:D252"/>
    <mergeCell ref="C253:D253"/>
    <mergeCell ref="C254:D254"/>
    <mergeCell ref="C255:D255"/>
    <mergeCell ref="C256:D256"/>
    <mergeCell ref="C257:D257"/>
    <mergeCell ref="C258:D258"/>
    <mergeCell ref="C259:D259"/>
    <mergeCell ref="C260:D260"/>
    <mergeCell ref="C74:D74"/>
    <mergeCell ref="C75:D75"/>
    <mergeCell ref="C76:D76"/>
    <mergeCell ref="F305:G305"/>
    <mergeCell ref="B3:G3"/>
    <mergeCell ref="B7:G7"/>
    <mergeCell ref="B8:G8"/>
    <mergeCell ref="B9:G9"/>
    <mergeCell ref="B11:G11"/>
    <mergeCell ref="B13:E13"/>
    <mergeCell ref="B12:E12"/>
    <mergeCell ref="B16:E16"/>
    <mergeCell ref="C32:E32"/>
    <mergeCell ref="B26:G26"/>
    <mergeCell ref="C31:E31"/>
    <mergeCell ref="F134:G134"/>
    <mergeCell ref="F53:G53"/>
    <mergeCell ref="F54:G54"/>
    <mergeCell ref="F55:G55"/>
    <mergeCell ref="F56:G56"/>
    <mergeCell ref="F299:G299"/>
    <mergeCell ref="C59:D59"/>
    <mergeCell ref="C60:D60"/>
    <mergeCell ref="C61:D61"/>
    <mergeCell ref="C62:D62"/>
    <mergeCell ref="C63:D63"/>
    <mergeCell ref="C64:D64"/>
    <mergeCell ref="C69:D69"/>
    <mergeCell ref="C71:D71"/>
    <mergeCell ref="C72:D72"/>
    <mergeCell ref="F329:G329"/>
    <mergeCell ref="F331:G331"/>
    <mergeCell ref="F332:G332"/>
    <mergeCell ref="B326:G326"/>
    <mergeCell ref="B316:G316"/>
    <mergeCell ref="C317:G317"/>
    <mergeCell ref="C318:G318"/>
    <mergeCell ref="B319:F319"/>
    <mergeCell ref="B325:G325"/>
    <mergeCell ref="C320:E320"/>
    <mergeCell ref="C321:E321"/>
    <mergeCell ref="C322:E322"/>
    <mergeCell ref="C323:E323"/>
    <mergeCell ref="B133:G133"/>
    <mergeCell ref="F136:G136"/>
    <mergeCell ref="F207:G207"/>
    <mergeCell ref="F282:G282"/>
    <mergeCell ref="F283:G283"/>
    <mergeCell ref="F51:G51"/>
    <mergeCell ref="F47:G47"/>
    <mergeCell ref="B45:G45"/>
    <mergeCell ref="F46:G46"/>
    <mergeCell ref="C35:E35"/>
    <mergeCell ref="B41:G41"/>
    <mergeCell ref="B43:C44"/>
    <mergeCell ref="F212:G212"/>
    <mergeCell ref="F244:G244"/>
    <mergeCell ref="F243:G243"/>
    <mergeCell ref="B237:G237"/>
    <mergeCell ref="B239:C240"/>
    <mergeCell ref="E239:G239"/>
    <mergeCell ref="F240:G240"/>
    <mergeCell ref="F241:G241"/>
    <mergeCell ref="C244:D244"/>
    <mergeCell ref="F48:G48"/>
    <mergeCell ref="B37:C37"/>
    <mergeCell ref="F49:G49"/>
    <mergeCell ref="E43:G43"/>
    <mergeCell ref="F44:G44"/>
    <mergeCell ref="F50:G50"/>
    <mergeCell ref="F52:G52"/>
    <mergeCell ref="C58:D58"/>
    <mergeCell ref="B2:G2"/>
    <mergeCell ref="B1:G1"/>
    <mergeCell ref="B27:C27"/>
    <mergeCell ref="B30:C30"/>
    <mergeCell ref="B25:G25"/>
    <mergeCell ref="B20:E20"/>
    <mergeCell ref="B21:E21"/>
    <mergeCell ref="B22:G22"/>
    <mergeCell ref="B24:E24"/>
    <mergeCell ref="B17:E17"/>
    <mergeCell ref="B23:G23"/>
    <mergeCell ref="F284:G284"/>
    <mergeCell ref="F242:G242"/>
    <mergeCell ref="F251:G251"/>
    <mergeCell ref="F252:G252"/>
    <mergeCell ref="F253:G253"/>
    <mergeCell ref="F254:G254"/>
    <mergeCell ref="F209:G209"/>
    <mergeCell ref="F210:G210"/>
    <mergeCell ref="F211:G211"/>
    <mergeCell ref="F245:G245"/>
    <mergeCell ref="F246:G246"/>
    <mergeCell ref="F247:G247"/>
    <mergeCell ref="F248:G248"/>
    <mergeCell ref="F249:G249"/>
    <mergeCell ref="F250:G250"/>
    <mergeCell ref="F255:G255"/>
    <mergeCell ref="F256:G256"/>
    <mergeCell ref="F257:G257"/>
    <mergeCell ref="F258:G258"/>
    <mergeCell ref="F281:G281"/>
    <mergeCell ref="F264:G264"/>
    <mergeCell ref="F265:G265"/>
    <mergeCell ref="F266:G266"/>
    <mergeCell ref="F267:G267"/>
    <mergeCell ref="F135:G135"/>
    <mergeCell ref="F273:G273"/>
    <mergeCell ref="F274:G274"/>
    <mergeCell ref="F275:G275"/>
    <mergeCell ref="F314:G314"/>
    <mergeCell ref="B307:G307"/>
    <mergeCell ref="E309:G309"/>
    <mergeCell ref="F310:G310"/>
    <mergeCell ref="F312:G312"/>
    <mergeCell ref="F311:G311"/>
    <mergeCell ref="C249:D249"/>
    <mergeCell ref="C250:D250"/>
    <mergeCell ref="F313:G313"/>
    <mergeCell ref="F300:G300"/>
    <mergeCell ref="F259:G259"/>
    <mergeCell ref="F260:G260"/>
    <mergeCell ref="F261:G261"/>
    <mergeCell ref="F262:G262"/>
    <mergeCell ref="F263:G263"/>
    <mergeCell ref="F276:G276"/>
    <mergeCell ref="F277:G277"/>
    <mergeCell ref="F278:G278"/>
    <mergeCell ref="F279:G279"/>
    <mergeCell ref="F280:G280"/>
    <mergeCell ref="F268:G268"/>
    <mergeCell ref="F269:G269"/>
    <mergeCell ref="F270:G270"/>
    <mergeCell ref="F271:G271"/>
    <mergeCell ref="F272:G272"/>
    <mergeCell ref="B14:E14"/>
    <mergeCell ref="B15:E15"/>
    <mergeCell ref="C33:E33"/>
    <mergeCell ref="C46:D46"/>
    <mergeCell ref="C47:D47"/>
    <mergeCell ref="C48:D48"/>
    <mergeCell ref="C49:D49"/>
    <mergeCell ref="C56:D56"/>
    <mergeCell ref="C57:D57"/>
    <mergeCell ref="C77:D77"/>
    <mergeCell ref="C91:D91"/>
    <mergeCell ref="C102:D102"/>
    <mergeCell ref="C103:D103"/>
    <mergeCell ref="C104:D104"/>
    <mergeCell ref="C105:D105"/>
    <mergeCell ref="C106:D106"/>
    <mergeCell ref="C107:D107"/>
    <mergeCell ref="C108:D108"/>
    <mergeCell ref="C109:D109"/>
    <mergeCell ref="C110:D110"/>
    <mergeCell ref="C111:D111"/>
    <mergeCell ref="C112:D112"/>
    <mergeCell ref="C113:D113"/>
    <mergeCell ref="C114:D114"/>
    <mergeCell ref="C115:D115"/>
    <mergeCell ref="C116:D116"/>
    <mergeCell ref="C117:D117"/>
    <mergeCell ref="C118:D118"/>
    <mergeCell ref="C119:D119"/>
    <mergeCell ref="C120:D120"/>
    <mergeCell ref="C121:D121"/>
    <mergeCell ref="C122:D122"/>
    <mergeCell ref="C123:D123"/>
    <mergeCell ref="C124:D124"/>
    <mergeCell ref="C125:D125"/>
    <mergeCell ref="C126:D126"/>
    <mergeCell ref="C127:D127"/>
    <mergeCell ref="C128:D128"/>
    <mergeCell ref="C129:D129"/>
    <mergeCell ref="C130:D130"/>
    <mergeCell ref="C131:D131"/>
    <mergeCell ref="C132:D132"/>
    <mergeCell ref="F57:G57"/>
    <mergeCell ref="F58:G58"/>
    <mergeCell ref="F59:G59"/>
    <mergeCell ref="F60:G60"/>
    <mergeCell ref="F61:G61"/>
    <mergeCell ref="F62:G62"/>
    <mergeCell ref="F63:G63"/>
    <mergeCell ref="F64:G64"/>
    <mergeCell ref="F65:G65"/>
    <mergeCell ref="F66:G66"/>
    <mergeCell ref="F67:G67"/>
    <mergeCell ref="F68:G68"/>
    <mergeCell ref="F69:G69"/>
    <mergeCell ref="F70:G70"/>
    <mergeCell ref="F71:G71"/>
    <mergeCell ref="F72:G72"/>
    <mergeCell ref="F73:G73"/>
    <mergeCell ref="F74:G74"/>
    <mergeCell ref="F75:G75"/>
    <mergeCell ref="F76:G76"/>
    <mergeCell ref="F77:G77"/>
    <mergeCell ref="F78:G78"/>
    <mergeCell ref="F79:G79"/>
    <mergeCell ref="F80:G80"/>
    <mergeCell ref="F81:G81"/>
    <mergeCell ref="F82:G82"/>
    <mergeCell ref="F83:G83"/>
    <mergeCell ref="F84:G84"/>
    <mergeCell ref="F85:G85"/>
    <mergeCell ref="F86:G86"/>
    <mergeCell ref="F87:G87"/>
    <mergeCell ref="F88:G88"/>
    <mergeCell ref="F89:G89"/>
    <mergeCell ref="F90:G90"/>
    <mergeCell ref="F91:G91"/>
    <mergeCell ref="F92:G92"/>
    <mergeCell ref="F108:G108"/>
    <mergeCell ref="F109:G109"/>
    <mergeCell ref="F110:G110"/>
    <mergeCell ref="F93:G93"/>
    <mergeCell ref="F94:G94"/>
    <mergeCell ref="F95:G95"/>
    <mergeCell ref="F96:G96"/>
    <mergeCell ref="F97:G97"/>
    <mergeCell ref="F98:G98"/>
    <mergeCell ref="F99:G99"/>
    <mergeCell ref="F100:G100"/>
    <mergeCell ref="F101:G101"/>
    <mergeCell ref="F130:G130"/>
    <mergeCell ref="F131:G131"/>
    <mergeCell ref="F132:G132"/>
    <mergeCell ref="F120:G120"/>
    <mergeCell ref="F121:G121"/>
    <mergeCell ref="F122:G122"/>
    <mergeCell ref="F123:G123"/>
    <mergeCell ref="F124:G124"/>
    <mergeCell ref="F125:G125"/>
    <mergeCell ref="F126:G126"/>
    <mergeCell ref="F127:G127"/>
    <mergeCell ref="F128:G128"/>
    <mergeCell ref="C78:D78"/>
    <mergeCell ref="C79:D79"/>
    <mergeCell ref="C83:D83"/>
    <mergeCell ref="C87:D87"/>
    <mergeCell ref="C92:D92"/>
    <mergeCell ref="C93:D93"/>
    <mergeCell ref="C97:D97"/>
    <mergeCell ref="C101:D101"/>
    <mergeCell ref="F129:G129"/>
    <mergeCell ref="F111:G111"/>
    <mergeCell ref="F112:G112"/>
    <mergeCell ref="F113:G113"/>
    <mergeCell ref="F114:G114"/>
    <mergeCell ref="F115:G115"/>
    <mergeCell ref="F116:G116"/>
    <mergeCell ref="F117:G117"/>
    <mergeCell ref="F118:G118"/>
    <mergeCell ref="F119:G119"/>
    <mergeCell ref="F102:G102"/>
    <mergeCell ref="F103:G103"/>
    <mergeCell ref="F104:G104"/>
    <mergeCell ref="F105:G105"/>
    <mergeCell ref="F106:G106"/>
    <mergeCell ref="F107:G107"/>
    <mergeCell ref="C141:D141"/>
    <mergeCell ref="C142:D142"/>
    <mergeCell ref="C143:D143"/>
    <mergeCell ref="C144:D144"/>
    <mergeCell ref="C145:D145"/>
    <mergeCell ref="C146:D146"/>
    <mergeCell ref="C147:D147"/>
    <mergeCell ref="C148:D148"/>
    <mergeCell ref="C149:D149"/>
    <mergeCell ref="C154:D154"/>
    <mergeCell ref="C156:D156"/>
    <mergeCell ref="C157:D157"/>
    <mergeCell ref="C159:D159"/>
    <mergeCell ref="C160:D160"/>
    <mergeCell ref="C161:D161"/>
    <mergeCell ref="C162:D162"/>
    <mergeCell ref="C175:D175"/>
    <mergeCell ref="C176:D176"/>
    <mergeCell ref="C192:D192"/>
    <mergeCell ref="C193:D193"/>
    <mergeCell ref="C194:D194"/>
    <mergeCell ref="C177:D177"/>
    <mergeCell ref="C178:D178"/>
    <mergeCell ref="C179:D179"/>
    <mergeCell ref="C180:D180"/>
    <mergeCell ref="C181:D181"/>
    <mergeCell ref="C182:D182"/>
    <mergeCell ref="C183:D183"/>
    <mergeCell ref="C184:D184"/>
    <mergeCell ref="C185:D185"/>
    <mergeCell ref="C205:D205"/>
    <mergeCell ref="C206:D206"/>
    <mergeCell ref="C207:D207"/>
    <mergeCell ref="C163:D163"/>
    <mergeCell ref="C201:D201"/>
    <mergeCell ref="C164:D164"/>
    <mergeCell ref="C168:D168"/>
    <mergeCell ref="C172:D172"/>
    <mergeCell ref="B208:G208"/>
    <mergeCell ref="C195:D195"/>
    <mergeCell ref="C196:D196"/>
    <mergeCell ref="C197:D197"/>
    <mergeCell ref="C198:D198"/>
    <mergeCell ref="C199:D199"/>
    <mergeCell ref="C200:D200"/>
    <mergeCell ref="C202:D202"/>
    <mergeCell ref="C203:D203"/>
    <mergeCell ref="C204:D204"/>
    <mergeCell ref="C186:D186"/>
    <mergeCell ref="C187:D187"/>
    <mergeCell ref="C188:D188"/>
    <mergeCell ref="C189:D189"/>
    <mergeCell ref="C190:D190"/>
    <mergeCell ref="C191:D191"/>
    <mergeCell ref="B209:D209"/>
    <mergeCell ref="C210:D210"/>
    <mergeCell ref="C211:D211"/>
    <mergeCell ref="C212:D212"/>
    <mergeCell ref="C213:D213"/>
    <mergeCell ref="C214:D214"/>
    <mergeCell ref="C215:D215"/>
    <mergeCell ref="C216:D216"/>
    <mergeCell ref="C217:D217"/>
    <mergeCell ref="C218:D218"/>
    <mergeCell ref="C219:D219"/>
    <mergeCell ref="C220:D220"/>
    <mergeCell ref="C221:D221"/>
    <mergeCell ref="B222:G222"/>
    <mergeCell ref="C224:D224"/>
    <mergeCell ref="C225:D225"/>
    <mergeCell ref="C226:D226"/>
    <mergeCell ref="C227:D227"/>
    <mergeCell ref="B223:D223"/>
    <mergeCell ref="F223:G223"/>
    <mergeCell ref="F224:G224"/>
    <mergeCell ref="F225:G225"/>
    <mergeCell ref="F226:G226"/>
    <mergeCell ref="C228:D228"/>
    <mergeCell ref="C229:D229"/>
    <mergeCell ref="C230:D230"/>
    <mergeCell ref="C231:D231"/>
    <mergeCell ref="C232:D232"/>
    <mergeCell ref="C233:D233"/>
    <mergeCell ref="C234:D234"/>
    <mergeCell ref="C235:D235"/>
    <mergeCell ref="C251:D251"/>
    <mergeCell ref="C241:D241"/>
    <mergeCell ref="C242:D242"/>
    <mergeCell ref="C243:D243"/>
    <mergeCell ref="C245:D245"/>
    <mergeCell ref="C246:D246"/>
    <mergeCell ref="C247:D247"/>
    <mergeCell ref="C248:D248"/>
    <mergeCell ref="C263:D263"/>
    <mergeCell ref="C264:D264"/>
    <mergeCell ref="C265:D265"/>
    <mergeCell ref="C266:D266"/>
    <mergeCell ref="C267:D267"/>
    <mergeCell ref="C268:D268"/>
    <mergeCell ref="C269:D269"/>
    <mergeCell ref="C270:D270"/>
    <mergeCell ref="C271:D271"/>
    <mergeCell ref="C272:D272"/>
    <mergeCell ref="C273:D273"/>
    <mergeCell ref="C274:D274"/>
    <mergeCell ref="C275:D275"/>
    <mergeCell ref="C276:D276"/>
    <mergeCell ref="C277:D277"/>
    <mergeCell ref="C278:D278"/>
    <mergeCell ref="C279:D279"/>
    <mergeCell ref="C280:D280"/>
    <mergeCell ref="C281:D281"/>
    <mergeCell ref="C282:D282"/>
    <mergeCell ref="C283:D283"/>
    <mergeCell ref="C284:D284"/>
    <mergeCell ref="C285:D285"/>
    <mergeCell ref="C286:D286"/>
    <mergeCell ref="C287:D287"/>
    <mergeCell ref="C288:D288"/>
    <mergeCell ref="C289:D289"/>
    <mergeCell ref="C291:D291"/>
    <mergeCell ref="C292:D292"/>
    <mergeCell ref="C293:D293"/>
    <mergeCell ref="C294:D294"/>
    <mergeCell ref="C295:D295"/>
    <mergeCell ref="C311:D311"/>
    <mergeCell ref="C312:D312"/>
    <mergeCell ref="C313:D313"/>
    <mergeCell ref="C314:D314"/>
    <mergeCell ref="C296:D296"/>
    <mergeCell ref="C297:D297"/>
    <mergeCell ref="C298:D298"/>
    <mergeCell ref="C299:D299"/>
    <mergeCell ref="C300:D300"/>
    <mergeCell ref="C301:D301"/>
  </mergeCells>
  <phoneticPr fontId="14" type="noConversion"/>
  <conditionalFormatting sqref="C4:C5 E46:E132 E134:E207 E209:E221 E223:E235 E241:E305">
    <cfRule type="containsBlanks" dxfId="5" priority="74">
      <formula>LEN(TRIM(C4))=0</formula>
    </cfRule>
  </conditionalFormatting>
  <conditionalFormatting sqref="C329">
    <cfRule type="containsBlanks" dxfId="4" priority="76">
      <formula>LEN(TRIM(C329))=0</formula>
    </cfRule>
  </conditionalFormatting>
  <conditionalFormatting sqref="C331">
    <cfRule type="containsBlanks" dxfId="3" priority="75">
      <formula>LEN(TRIM(C331))=0</formula>
    </cfRule>
  </conditionalFormatting>
  <conditionalFormatting sqref="C320:E323">
    <cfRule type="containsBlanks" dxfId="2" priority="13">
      <formula>LEN(TRIM(C320))=0</formula>
    </cfRule>
  </conditionalFormatting>
  <conditionalFormatting sqref="E311:E314">
    <cfRule type="containsBlanks" dxfId="1" priority="6">
      <formula>LEN(TRIM(E311))=0</formula>
    </cfRule>
  </conditionalFormatting>
  <conditionalFormatting sqref="F331:G332">
    <cfRule type="containsBlanks" dxfId="0" priority="77">
      <formula>LEN(TRIM(F331))=0</formula>
    </cfRule>
  </conditionalFormatting>
  <printOptions horizontalCentered="1"/>
  <pageMargins left="0.70866141732283472" right="0.70866141732283472" top="0.9055118110236221" bottom="0.74803149606299213" header="0.31496062992125984" footer="0.31496062992125984"/>
  <pageSetup paperSize="9" scale="63"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52" min="1" max="5" man="1"/>
    <brk id="125" min="1" max="6" man="1"/>
    <brk id="242" min="1" max="6" man="1"/>
    <brk id="315" min="1" max="6"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7</xdr:row>
                    <xdr:rowOff>0</xdr:rowOff>
                  </from>
                  <to>
                    <xdr:col>1</xdr:col>
                    <xdr:colOff>885825</xdr:colOff>
                    <xdr:row>27</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8</xdr:row>
                    <xdr:rowOff>9525</xdr:rowOff>
                  </from>
                  <to>
                    <xdr:col>1</xdr:col>
                    <xdr:colOff>885825</xdr:colOff>
                    <xdr:row>28</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7</xdr:row>
                    <xdr:rowOff>9525</xdr:rowOff>
                  </from>
                  <to>
                    <xdr:col>1</xdr:col>
                    <xdr:colOff>885825</xdr:colOff>
                    <xdr:row>37</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8</xdr:row>
                    <xdr:rowOff>0</xdr:rowOff>
                  </from>
                  <to>
                    <xdr:col>1</xdr:col>
                    <xdr:colOff>885825</xdr:colOff>
                    <xdr:row>38</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4-12-11T13:34:04Z</cp:lastPrinted>
  <dcterms:created xsi:type="dcterms:W3CDTF">2017-04-21T05:51:15Z</dcterms:created>
  <dcterms:modified xsi:type="dcterms:W3CDTF">2024-12-11T13:37:30Z</dcterms:modified>
</cp:coreProperties>
</file>